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51" r:id="rId4"/>
  </p:sldMasterIdLst>
  <p:notesMasterIdLst>
    <p:notesMasterId r:id="rId11"/>
  </p:notesMasterIdLst>
  <p:handoutMasterIdLst>
    <p:handoutMasterId r:id="rId12"/>
  </p:handoutMasterIdLst>
  <p:sldIdLst>
    <p:sldId id="488" r:id="rId5"/>
    <p:sldId id="838839825" r:id="rId6"/>
    <p:sldId id="2147307529" r:id="rId7"/>
    <p:sldId id="2147307525" r:id="rId8"/>
    <p:sldId id="2147307484" r:id="rId9"/>
    <p:sldId id="2147307527" r:id="rId10"/>
  </p:sldIdLst>
  <p:sldSz cx="9144000" cy="5143500" type="screen16x9"/>
  <p:notesSz cx="6670675" cy="9777413"/>
  <p:defaultTextStyle>
    <a:defPPr>
      <a:defRPr lang="en-GB"/>
    </a:defPPr>
    <a:lvl1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 b="1">
        <a:solidFill>
          <a:schemeClr val="accent1"/>
        </a:solidFill>
        <a:latin typeface="+mn-lt"/>
        <a:ea typeface="+mn-ea"/>
        <a:cs typeface="+mn-cs"/>
      </a:defRPr>
    </a:lvl1pPr>
    <a:lvl2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1800">
        <a:solidFill>
          <a:schemeClr val="tx1"/>
        </a:solidFill>
        <a:latin typeface="+mn-lt"/>
        <a:ea typeface="+mn-ea"/>
      </a:defRPr>
    </a:lvl2pPr>
    <a:lvl3pPr marL="27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•"/>
      <a:defRPr sz="1800">
        <a:solidFill>
          <a:schemeClr val="tx1"/>
        </a:solidFill>
        <a:latin typeface="+mn-lt"/>
        <a:ea typeface="+mn-ea"/>
      </a:defRPr>
    </a:lvl3pPr>
    <a:lvl4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-"/>
      <a:defRPr sz="1800">
        <a:solidFill>
          <a:schemeClr val="tx1"/>
        </a:solidFill>
        <a:latin typeface="+mn-lt"/>
        <a:ea typeface="+mn-ea"/>
      </a:defRPr>
    </a:lvl4pPr>
    <a:lvl5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Arial" panose="020B0604020202020204" pitchFamily="34" charset="0"/>
      <a:buChar char="◦"/>
      <a:defRPr sz="1800">
        <a:solidFill>
          <a:schemeClr val="tx1"/>
        </a:solidFill>
        <a:latin typeface="+mn-lt"/>
        <a:ea typeface="+mn-ea"/>
      </a:defRPr>
    </a:lvl5pPr>
    <a:lvl6pPr marL="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rabicPeriod"/>
      <a:defRPr sz="1800">
        <a:solidFill>
          <a:schemeClr val="tx1"/>
        </a:solidFill>
        <a:latin typeface="+mn-lt"/>
        <a:ea typeface="+mn-ea"/>
      </a:defRPr>
    </a:lvl6pPr>
    <a:lvl7pPr marL="54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alphaLcPeriod"/>
      <a:defRPr sz="1800">
        <a:solidFill>
          <a:schemeClr val="tx1"/>
        </a:solidFill>
        <a:latin typeface="+mn-lt"/>
        <a:ea typeface="+mn-ea"/>
      </a:defRPr>
    </a:lvl7pPr>
    <a:lvl8pPr marL="810000" indent="-270000" algn="l" rtl="0" eaLnBrk="1" fontAlgn="base" hangingPunct="1">
      <a:spcBef>
        <a:spcPct val="0"/>
      </a:spcBef>
      <a:spcAft>
        <a:spcPts val="600"/>
      </a:spcAft>
      <a:buClr>
        <a:schemeClr val="accent1"/>
      </a:buClr>
      <a:buFont typeface="+mj-lt"/>
      <a:buAutoNum type="romanLcPeriod"/>
      <a:defRPr sz="1800">
        <a:solidFill>
          <a:schemeClr val="tx1"/>
        </a:solidFill>
        <a:latin typeface="+mn-lt"/>
        <a:ea typeface="+mn-ea"/>
      </a:defRPr>
    </a:lvl8pPr>
    <a:lvl9pPr marL="0" indent="0" algn="l" rtl="0" eaLnBrk="1" fontAlgn="base" hangingPunct="1">
      <a:spcBef>
        <a:spcPct val="0"/>
      </a:spcBef>
      <a:spcAft>
        <a:spcPts val="600"/>
      </a:spcAft>
      <a:buClr>
        <a:schemeClr val="tx1"/>
      </a:buClr>
      <a:buFontTx/>
      <a:buNone/>
      <a:defRPr sz="2400">
        <a:solidFill>
          <a:schemeClr val="accent2"/>
        </a:solidFill>
        <a:latin typeface="+mn-lt"/>
        <a:ea typeface="+mn-ea"/>
      </a:defRPr>
    </a:lvl9pPr>
  </p:defaultTextStyle>
  <p:extLst>
    <p:ext uri="{EFAFB233-063F-42B5-8137-9DF3F51BA10A}">
      <p15:sldGuideLst xmlns:p15="http://schemas.microsoft.com/office/powerpoint/2012/main">
        <p15:guide id="1" orient="horz" pos="962" userDrawn="1">
          <p15:clr>
            <a:srgbClr val="A4A3A4"/>
          </p15:clr>
        </p15:guide>
        <p15:guide id="2" pos="748" userDrawn="1">
          <p15:clr>
            <a:srgbClr val="A4A3A4"/>
          </p15:clr>
        </p15:guide>
        <p15:guide id="3" orient="horz" pos="225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Zarah McGugan" initials="ZM" lastIdx="2" clrIdx="0">
    <p:extLst>
      <p:ext uri="{19B8F6BF-5375-455C-9EA6-DF929625EA0E}">
        <p15:presenceInfo xmlns:p15="http://schemas.microsoft.com/office/powerpoint/2012/main" userId="S-1-5-21-4161563473-2938609101-4020916863-124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8DA70"/>
    <a:srgbClr val="B20E12"/>
    <a:srgbClr val="B2DE82"/>
    <a:srgbClr val="C9E8A6"/>
    <a:srgbClr val="7FFFF8"/>
    <a:srgbClr val="B4DF85"/>
    <a:srgbClr val="FFFFFF"/>
    <a:srgbClr val="F9F9F9"/>
    <a:srgbClr val="E7F5D7"/>
    <a:srgbClr val="DAE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7AE2352-920D-42BA-893C-466174C3D24D}" v="28" dt="2022-10-20T20:51:11.627"/>
  </p1510:revLst>
</p1510:revInfo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>
        <p:scale>
          <a:sx n="70" d="100"/>
          <a:sy n="70" d="100"/>
        </p:scale>
        <p:origin x="1108" y="196"/>
      </p:cViewPr>
      <p:guideLst>
        <p:guide orient="horz" pos="962"/>
        <p:guide pos="748"/>
        <p:guide orient="horz" pos="225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commentAuthors" Target="commentAuthors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jwaliya, Nishit" userId="d6171631-3d08-453d-8afd-2dc62a5026e2" providerId="ADAL" clId="{D7AE2352-920D-42BA-893C-466174C3D24D}"/>
    <pc:docChg chg="undo redo custSel addSld delSld modSld">
      <pc:chgData name="Ajwaliya, Nishit" userId="d6171631-3d08-453d-8afd-2dc62a5026e2" providerId="ADAL" clId="{D7AE2352-920D-42BA-893C-466174C3D24D}" dt="2022-10-20T20:51:13.719" v="1871" actId="47"/>
      <pc:docMkLst>
        <pc:docMk/>
      </pc:docMkLst>
      <pc:sldChg chg="add">
        <pc:chgData name="Ajwaliya, Nishit" userId="d6171631-3d08-453d-8afd-2dc62a5026e2" providerId="ADAL" clId="{D7AE2352-920D-42BA-893C-466174C3D24D}" dt="2022-10-20T20:51:11.620" v="1870"/>
        <pc:sldMkLst>
          <pc:docMk/>
          <pc:sldMk cId="3299959604" sldId="2147307484"/>
        </pc:sldMkLst>
      </pc:sldChg>
      <pc:sldChg chg="addSp delSp mod">
        <pc:chgData name="Ajwaliya, Nishit" userId="d6171631-3d08-453d-8afd-2dc62a5026e2" providerId="ADAL" clId="{D7AE2352-920D-42BA-893C-466174C3D24D}" dt="2022-10-20T20:50:55.473" v="1869" actId="22"/>
        <pc:sldMkLst>
          <pc:docMk/>
          <pc:sldMk cId="3863685249" sldId="2147307525"/>
        </pc:sldMkLst>
        <pc:spChg chg="add del">
          <ac:chgData name="Ajwaliya, Nishit" userId="d6171631-3d08-453d-8afd-2dc62a5026e2" providerId="ADAL" clId="{D7AE2352-920D-42BA-893C-466174C3D24D}" dt="2022-10-20T20:50:55.473" v="1869" actId="22"/>
          <ac:spMkLst>
            <pc:docMk/>
            <pc:sldMk cId="3863685249" sldId="2147307525"/>
            <ac:spMk id="5" creationId="{2A8BB788-F3D2-4EE6-AF04-B211A7E7A51F}"/>
          </ac:spMkLst>
        </pc:spChg>
      </pc:sldChg>
      <pc:sldChg chg="del">
        <pc:chgData name="Ajwaliya, Nishit" userId="d6171631-3d08-453d-8afd-2dc62a5026e2" providerId="ADAL" clId="{D7AE2352-920D-42BA-893C-466174C3D24D}" dt="2022-10-20T20:51:13.719" v="1871" actId="47"/>
        <pc:sldMkLst>
          <pc:docMk/>
          <pc:sldMk cId="2312719742" sldId="2147307528"/>
        </pc:sldMkLst>
      </pc:sldChg>
      <pc:sldChg chg="addSp delSp modSp mod">
        <pc:chgData name="Ajwaliya, Nishit" userId="d6171631-3d08-453d-8afd-2dc62a5026e2" providerId="ADAL" clId="{D7AE2352-920D-42BA-893C-466174C3D24D}" dt="2022-10-20T20:48:47.572" v="1866" actId="14100"/>
        <pc:sldMkLst>
          <pc:docMk/>
          <pc:sldMk cId="904261193" sldId="2147307529"/>
        </pc:sldMkLst>
        <pc:spChg chg="mod">
          <ac:chgData name="Ajwaliya, Nishit" userId="d6171631-3d08-453d-8afd-2dc62a5026e2" providerId="ADAL" clId="{D7AE2352-920D-42BA-893C-466174C3D24D}" dt="2022-10-20T19:22:01.120" v="1171" actId="20577"/>
          <ac:spMkLst>
            <pc:docMk/>
            <pc:sldMk cId="904261193" sldId="2147307529"/>
            <ac:spMk id="2" creationId="{65606505-0DE3-4026-B55A-3FA303F48ACA}"/>
          </ac:spMkLst>
        </pc:spChg>
        <pc:spChg chg="add 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61" creationId="{BCBBD039-2FE5-4CA0-91A2-717A380DF497}"/>
          </ac:spMkLst>
        </pc:spChg>
        <pc:spChg chg="add 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62" creationId="{E356B695-ED42-40A1-9FD0-22E00657804D}"/>
          </ac:spMkLst>
        </pc:spChg>
        <pc:spChg chg="add del mod">
          <ac:chgData name="Ajwaliya, Nishit" userId="d6171631-3d08-453d-8afd-2dc62a5026e2" providerId="ADAL" clId="{D7AE2352-920D-42BA-893C-466174C3D24D}" dt="2022-10-20T18:45:10.590" v="125"/>
          <ac:spMkLst>
            <pc:docMk/>
            <pc:sldMk cId="904261193" sldId="2147307529"/>
            <ac:spMk id="63" creationId="{B8DBF074-5CB1-43B0-A8C5-E39D6C2F52DD}"/>
          </ac:spMkLst>
        </pc:spChg>
        <pc:spChg chg="add del 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64" creationId="{9D6F7E5C-A51C-4F29-96E4-105D60480E07}"/>
          </ac:spMkLst>
        </pc:spChg>
        <pc:spChg chg="mod">
          <ac:chgData name="Ajwaliya, Nishit" userId="d6171631-3d08-453d-8afd-2dc62a5026e2" providerId="ADAL" clId="{D7AE2352-920D-42BA-893C-466174C3D24D}" dt="2022-10-20T19:20:29.347" v="1055" actId="1038"/>
          <ac:spMkLst>
            <pc:docMk/>
            <pc:sldMk cId="904261193" sldId="2147307529"/>
            <ac:spMk id="65" creationId="{F3A46AEB-4A5E-4111-9045-8FD8BA026F89}"/>
          </ac:spMkLst>
        </pc:spChg>
        <pc:spChg chg="add 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66" creationId="{B73FF3FE-75A0-4CCF-B19E-119AB3952CB3}"/>
          </ac:spMkLst>
        </pc:spChg>
        <pc:spChg chg="add 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67" creationId="{CDE1A578-5D0B-4D2B-8E03-F7D962D33AF5}"/>
          </ac:spMkLst>
        </pc:spChg>
        <pc:spChg chg="add 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68" creationId="{CDF5F696-7A39-4649-A70A-281C4EA62FE3}"/>
          </ac:spMkLst>
        </pc:spChg>
        <pc:spChg chg="add 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69" creationId="{4B26688B-5C66-4E95-BAC3-00D085A5311E}"/>
          </ac:spMkLst>
        </pc:spChg>
        <pc:spChg chg="add 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70" creationId="{DCF4737A-FA93-4A28-90E3-6E5535162266}"/>
          </ac:spMkLst>
        </pc:spChg>
        <pc:spChg chg="add del mod">
          <ac:chgData name="Ajwaliya, Nishit" userId="d6171631-3d08-453d-8afd-2dc62a5026e2" providerId="ADAL" clId="{D7AE2352-920D-42BA-893C-466174C3D24D}" dt="2022-10-20T18:59:14.626" v="448" actId="478"/>
          <ac:spMkLst>
            <pc:docMk/>
            <pc:sldMk cId="904261193" sldId="2147307529"/>
            <ac:spMk id="71" creationId="{57B1BC38-AEE4-487E-90C6-8B74EAB11FA5}"/>
          </ac:spMkLst>
        </pc:spChg>
        <pc:spChg chg="add del mod">
          <ac:chgData name="Ajwaliya, Nishit" userId="d6171631-3d08-453d-8afd-2dc62a5026e2" providerId="ADAL" clId="{D7AE2352-920D-42BA-893C-466174C3D24D}" dt="2022-10-20T20:45:14.019" v="1748" actId="478"/>
          <ac:spMkLst>
            <pc:docMk/>
            <pc:sldMk cId="904261193" sldId="2147307529"/>
            <ac:spMk id="72" creationId="{92D58064-D018-40A6-8E53-15AC838FD0EE}"/>
          </ac:spMkLst>
        </pc:spChg>
        <pc:spChg chg="add del mod">
          <ac:chgData name="Ajwaliya, Nishit" userId="d6171631-3d08-453d-8afd-2dc62a5026e2" providerId="ADAL" clId="{D7AE2352-920D-42BA-893C-466174C3D24D}" dt="2022-10-20T20:45:12.109" v="1747" actId="478"/>
          <ac:spMkLst>
            <pc:docMk/>
            <pc:sldMk cId="904261193" sldId="2147307529"/>
            <ac:spMk id="73" creationId="{FC7DC494-AB14-4EC8-B8B9-ABE42CF232E0}"/>
          </ac:spMkLst>
        </pc:spChg>
        <pc:spChg chg="add 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74" creationId="{F994F158-D9BE-41BE-8CC6-2E647677E2AF}"/>
          </ac:spMkLst>
        </pc:spChg>
        <pc:spChg chg="del mod">
          <ac:chgData name="Ajwaliya, Nishit" userId="d6171631-3d08-453d-8afd-2dc62a5026e2" providerId="ADAL" clId="{D7AE2352-920D-42BA-893C-466174C3D24D}" dt="2022-10-20T19:17:45.586" v="976" actId="478"/>
          <ac:spMkLst>
            <pc:docMk/>
            <pc:sldMk cId="904261193" sldId="2147307529"/>
            <ac:spMk id="75" creationId="{9D4108A1-C57B-47C6-8272-A602CF394A67}"/>
          </ac:spMkLst>
        </pc:spChg>
        <pc:spChg chg="del mod">
          <ac:chgData name="Ajwaliya, Nishit" userId="d6171631-3d08-453d-8afd-2dc62a5026e2" providerId="ADAL" clId="{D7AE2352-920D-42BA-893C-466174C3D24D}" dt="2022-10-20T19:17:45.586" v="976" actId="478"/>
          <ac:spMkLst>
            <pc:docMk/>
            <pc:sldMk cId="904261193" sldId="2147307529"/>
            <ac:spMk id="76" creationId="{B7F990BD-8ED2-45B8-A5B4-0B7A61ADA264}"/>
          </ac:spMkLst>
        </pc:spChg>
        <pc:spChg chg="del mod">
          <ac:chgData name="Ajwaliya, Nishit" userId="d6171631-3d08-453d-8afd-2dc62a5026e2" providerId="ADAL" clId="{D7AE2352-920D-42BA-893C-466174C3D24D}" dt="2022-10-20T19:17:45.586" v="976" actId="478"/>
          <ac:spMkLst>
            <pc:docMk/>
            <pc:sldMk cId="904261193" sldId="2147307529"/>
            <ac:spMk id="77" creationId="{1EC7A34A-C59A-483E-A997-22AAD349CE13}"/>
          </ac:spMkLst>
        </pc:spChg>
        <pc:spChg chg="del mod">
          <ac:chgData name="Ajwaliya, Nishit" userId="d6171631-3d08-453d-8afd-2dc62a5026e2" providerId="ADAL" clId="{D7AE2352-920D-42BA-893C-466174C3D24D}" dt="2022-10-20T19:17:45.586" v="976" actId="478"/>
          <ac:spMkLst>
            <pc:docMk/>
            <pc:sldMk cId="904261193" sldId="2147307529"/>
            <ac:spMk id="78" creationId="{56B85252-E03E-40F4-9B40-262E0B5E561B}"/>
          </ac:spMkLst>
        </pc:spChg>
        <pc:spChg chg="add mod">
          <ac:chgData name="Ajwaliya, Nishit" userId="d6171631-3d08-453d-8afd-2dc62a5026e2" providerId="ADAL" clId="{D7AE2352-920D-42BA-893C-466174C3D24D}" dt="2022-10-20T20:32:57.959" v="1436" actId="1035"/>
          <ac:spMkLst>
            <pc:docMk/>
            <pc:sldMk cId="904261193" sldId="2147307529"/>
            <ac:spMk id="79" creationId="{3134C578-973D-4DDA-8CED-336F847BB865}"/>
          </ac:spMkLst>
        </pc:spChg>
        <pc:spChg chg="add mod">
          <ac:chgData name="Ajwaliya, Nishit" userId="d6171631-3d08-453d-8afd-2dc62a5026e2" providerId="ADAL" clId="{D7AE2352-920D-42BA-893C-466174C3D24D}" dt="2022-10-20T20:32:57.959" v="1436" actId="1035"/>
          <ac:spMkLst>
            <pc:docMk/>
            <pc:sldMk cId="904261193" sldId="2147307529"/>
            <ac:spMk id="80" creationId="{AAFA2CFD-3D81-47BC-AA90-3B124B8DD720}"/>
          </ac:spMkLst>
        </pc:spChg>
        <pc:spChg chg="add mod">
          <ac:chgData name="Ajwaliya, Nishit" userId="d6171631-3d08-453d-8afd-2dc62a5026e2" providerId="ADAL" clId="{D7AE2352-920D-42BA-893C-466174C3D24D}" dt="2022-10-20T20:33:04.316" v="1442" actId="1035"/>
          <ac:spMkLst>
            <pc:docMk/>
            <pc:sldMk cId="904261193" sldId="2147307529"/>
            <ac:spMk id="81" creationId="{117952B7-E39F-472C-B470-D823E5854140}"/>
          </ac:spMkLst>
        </pc:spChg>
        <pc:spChg chg="add 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82" creationId="{9D57785D-1755-46FA-BD7F-B2F63E71A308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3" creationId="{5B4B35AE-2197-4C62-AFD4-830381A6539C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4" creationId="{8AE98B21-EABD-43E0-B550-A54C6D5C98F1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5" creationId="{276F825A-C94F-4184-8E05-570DDB7B1526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6" creationId="{2BCDC287-BE45-44D5-8D07-4C7AEA3DE035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7" creationId="{D72236EA-BD03-476A-B4E6-C4D6B0CEF46C}"/>
          </ac:spMkLst>
        </pc:spChg>
        <pc:spChg chg="add del mod">
          <ac:chgData name="Ajwaliya, Nishit" userId="d6171631-3d08-453d-8afd-2dc62a5026e2" providerId="ADAL" clId="{D7AE2352-920D-42BA-893C-466174C3D24D}" dt="2022-10-20T20:45:59.295" v="1758" actId="1036"/>
          <ac:spMkLst>
            <pc:docMk/>
            <pc:sldMk cId="904261193" sldId="2147307529"/>
            <ac:spMk id="88" creationId="{857622AF-8F52-4D40-A5A3-B7634C1465DD}"/>
          </ac:spMkLst>
        </pc:spChg>
        <pc:spChg chg="add del mod">
          <ac:chgData name="Ajwaliya, Nishit" userId="d6171631-3d08-453d-8afd-2dc62a5026e2" providerId="ADAL" clId="{D7AE2352-920D-42BA-893C-466174C3D24D}" dt="2022-10-20T19:18:36.816" v="991" actId="478"/>
          <ac:spMkLst>
            <pc:docMk/>
            <pc:sldMk cId="904261193" sldId="2147307529"/>
            <ac:spMk id="89" creationId="{01CA9CF6-0735-4498-9497-381482D87DB7}"/>
          </ac:spMkLst>
        </pc:spChg>
        <pc:spChg chg="add mod">
          <ac:chgData name="Ajwaliya, Nishit" userId="d6171631-3d08-453d-8afd-2dc62a5026e2" providerId="ADAL" clId="{D7AE2352-920D-42BA-893C-466174C3D24D}" dt="2022-10-20T20:30:43.248" v="1390" actId="20577"/>
          <ac:spMkLst>
            <pc:docMk/>
            <pc:sldMk cId="904261193" sldId="2147307529"/>
            <ac:spMk id="89" creationId="{059B915A-FC0A-4964-BD65-CEA11F5D8F10}"/>
          </ac:spMkLst>
        </pc:spChg>
        <pc:spChg chg="add mod">
          <ac:chgData name="Ajwaliya, Nishit" userId="d6171631-3d08-453d-8afd-2dc62a5026e2" providerId="ADAL" clId="{D7AE2352-920D-42BA-893C-466174C3D24D}" dt="2022-10-20T20:48:47.572" v="1866" actId="14100"/>
          <ac:spMkLst>
            <pc:docMk/>
            <pc:sldMk cId="904261193" sldId="2147307529"/>
            <ac:spMk id="90" creationId="{7DA97186-1858-4183-8E70-4F2CFDD267AC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1" creationId="{215A468E-9528-48D0-985D-F341BE1390BB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2" creationId="{0D2B9BB9-ACC6-4F1F-A6BA-215464347BE2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3" creationId="{327CC9A5-A63A-4821-8458-5492E91F0870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4" creationId="{226DEDD0-3CC9-43C9-983A-9E450F0EA85F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5" creationId="{07B1B1EF-0419-42BB-8ACC-F5C5CE7BE683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6" creationId="{79F4E240-DD3C-46E9-AE83-2AEB630E4B91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7" creationId="{3B1E989C-15FD-4E51-8CAA-7D7351C4159A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98" creationId="{64E7F718-B2C2-4F02-9FC4-ADDB1B55CFCD}"/>
          </ac:spMkLst>
        </pc:spChg>
        <pc:spChg chg="add mod">
          <ac:chgData name="Ajwaliya, Nishit" userId="d6171631-3d08-453d-8afd-2dc62a5026e2" providerId="ADAL" clId="{D7AE2352-920D-42BA-893C-466174C3D24D}" dt="2022-10-20T20:48:18.558" v="1850" actId="20577"/>
          <ac:spMkLst>
            <pc:docMk/>
            <pc:sldMk cId="904261193" sldId="2147307529"/>
            <ac:spMk id="99" creationId="{FEC7DB9E-C0AC-4B4F-B29B-82596B648128}"/>
          </ac:spMkLst>
        </pc:spChg>
        <pc:spChg chg="add mod">
          <ac:chgData name="Ajwaliya, Nishit" userId="d6171631-3d08-453d-8afd-2dc62a5026e2" providerId="ADAL" clId="{D7AE2352-920D-42BA-893C-466174C3D24D}" dt="2022-10-20T20:46:27.038" v="1768" actId="1036"/>
          <ac:spMkLst>
            <pc:docMk/>
            <pc:sldMk cId="904261193" sldId="2147307529"/>
            <ac:spMk id="100" creationId="{E667A32E-933C-44CF-8F8F-6EC0F111D526}"/>
          </ac:spMkLst>
        </pc:spChg>
        <pc:spChg chg="add mod">
          <ac:chgData name="Ajwaliya, Nishit" userId="d6171631-3d08-453d-8afd-2dc62a5026e2" providerId="ADAL" clId="{D7AE2352-920D-42BA-893C-466174C3D24D}" dt="2022-10-20T20:48:31.898" v="1853" actId="108"/>
          <ac:spMkLst>
            <pc:docMk/>
            <pc:sldMk cId="904261193" sldId="2147307529"/>
            <ac:spMk id="101" creationId="{CB31CE84-16FE-4CE1-84D2-1962E1E12920}"/>
          </ac:spMkLst>
        </pc:spChg>
        <pc:spChg chg="add del mod">
          <ac:chgData name="Ajwaliya, Nishit" userId="d6171631-3d08-453d-8afd-2dc62a5026e2" providerId="ADAL" clId="{D7AE2352-920D-42BA-893C-466174C3D24D}" dt="2022-10-20T20:36:30.406" v="1535" actId="478"/>
          <ac:spMkLst>
            <pc:docMk/>
            <pc:sldMk cId="904261193" sldId="2147307529"/>
            <ac:spMk id="102" creationId="{0A80062A-BAA3-49BD-A8A6-FDFB604F120E}"/>
          </ac:spMkLst>
        </pc:spChg>
        <pc:spChg chg="add mod">
          <ac:chgData name="Ajwaliya, Nishit" userId="d6171631-3d08-453d-8afd-2dc62a5026e2" providerId="ADAL" clId="{D7AE2352-920D-42BA-893C-466174C3D24D}" dt="2022-10-20T20:48:43.502" v="1865" actId="1036"/>
          <ac:spMkLst>
            <pc:docMk/>
            <pc:sldMk cId="904261193" sldId="2147307529"/>
            <ac:spMk id="103" creationId="{3B29A6BE-F657-4165-9A22-E59800A90D18}"/>
          </ac:spMkLst>
        </pc:spChg>
        <pc:spChg chg="add mod">
          <ac:chgData name="Ajwaliya, Nishit" userId="d6171631-3d08-453d-8afd-2dc62a5026e2" providerId="ADAL" clId="{D7AE2352-920D-42BA-893C-466174C3D24D}" dt="2022-10-20T20:27:01.818" v="1281"/>
          <ac:spMkLst>
            <pc:docMk/>
            <pc:sldMk cId="904261193" sldId="2147307529"/>
            <ac:spMk id="104" creationId="{03B800F7-529E-4C83-869B-5FFA55BDC0C3}"/>
          </ac:spMkLst>
        </pc:spChg>
        <pc:spChg chg="add del mod">
          <ac:chgData name="Ajwaliya, Nishit" userId="d6171631-3d08-453d-8afd-2dc62a5026e2" providerId="ADAL" clId="{D7AE2352-920D-42BA-893C-466174C3D24D}" dt="2022-10-20T19:25:07.035" v="1172" actId="478"/>
          <ac:spMkLst>
            <pc:docMk/>
            <pc:sldMk cId="904261193" sldId="2147307529"/>
            <ac:spMk id="104" creationId="{0A883FEE-FC3C-4558-A5C2-C6BA1FAD8FA8}"/>
          </ac:spMkLst>
        </pc:spChg>
        <pc:spChg chg="add mod">
          <ac:chgData name="Ajwaliya, Nishit" userId="d6171631-3d08-453d-8afd-2dc62a5026e2" providerId="ADAL" clId="{D7AE2352-920D-42BA-893C-466174C3D24D}" dt="2022-10-20T20:27:01.818" v="1281"/>
          <ac:spMkLst>
            <pc:docMk/>
            <pc:sldMk cId="904261193" sldId="2147307529"/>
            <ac:spMk id="105" creationId="{16BCF838-F37F-4E38-ABB0-EEEE0FACD919}"/>
          </ac:spMkLst>
        </pc:spChg>
        <pc:spChg chg="add del mod">
          <ac:chgData name="Ajwaliya, Nishit" userId="d6171631-3d08-453d-8afd-2dc62a5026e2" providerId="ADAL" clId="{D7AE2352-920D-42BA-893C-466174C3D24D}" dt="2022-10-20T19:25:07.035" v="1172" actId="478"/>
          <ac:spMkLst>
            <pc:docMk/>
            <pc:sldMk cId="904261193" sldId="2147307529"/>
            <ac:spMk id="105" creationId="{2F6C9337-9DB5-4909-A9D8-C085F07D73D8}"/>
          </ac:spMkLst>
        </pc:spChg>
        <pc:spChg chg="add del mod">
          <ac:chgData name="Ajwaliya, Nishit" userId="d6171631-3d08-453d-8afd-2dc62a5026e2" providerId="ADAL" clId="{D7AE2352-920D-42BA-893C-466174C3D24D}" dt="2022-10-20T19:25:07.035" v="1172" actId="478"/>
          <ac:spMkLst>
            <pc:docMk/>
            <pc:sldMk cId="904261193" sldId="2147307529"/>
            <ac:spMk id="106" creationId="{5BD146FE-B2F2-4603-AF5B-39CB5EBF65CC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06" creationId="{F1FCBC82-1054-45E6-9321-AEA548A79B9D}"/>
          </ac:spMkLst>
        </pc:spChg>
        <pc:spChg chg="add mod">
          <ac:chgData name="Ajwaliya, Nishit" userId="d6171631-3d08-453d-8afd-2dc62a5026e2" providerId="ADAL" clId="{D7AE2352-920D-42BA-893C-466174C3D24D}" dt="2022-10-20T20:27:01.818" v="1281"/>
          <ac:spMkLst>
            <pc:docMk/>
            <pc:sldMk cId="904261193" sldId="2147307529"/>
            <ac:spMk id="107" creationId="{A54DF28D-E37B-4D13-8BCC-12F8CCAD7026}"/>
          </ac:spMkLst>
        </pc:spChg>
        <pc:spChg chg="add del mod">
          <ac:chgData name="Ajwaliya, Nishit" userId="d6171631-3d08-453d-8afd-2dc62a5026e2" providerId="ADAL" clId="{D7AE2352-920D-42BA-893C-466174C3D24D}" dt="2022-10-20T19:25:07.035" v="1172" actId="478"/>
          <ac:spMkLst>
            <pc:docMk/>
            <pc:sldMk cId="904261193" sldId="2147307529"/>
            <ac:spMk id="107" creationId="{E1380143-8845-4C9A-A115-0DBCE4E54F14}"/>
          </ac:spMkLst>
        </pc:spChg>
        <pc:spChg chg="add mod">
          <ac:chgData name="Ajwaliya, Nishit" userId="d6171631-3d08-453d-8afd-2dc62a5026e2" providerId="ADAL" clId="{D7AE2352-920D-42BA-893C-466174C3D24D}" dt="2022-10-20T20:33:04.316" v="1442" actId="1035"/>
          <ac:spMkLst>
            <pc:docMk/>
            <pc:sldMk cId="904261193" sldId="2147307529"/>
            <ac:spMk id="108" creationId="{88074A48-294B-4059-B707-101E4A26654A}"/>
          </ac:spMkLst>
        </pc:spChg>
        <pc:spChg chg="add mod">
          <ac:chgData name="Ajwaliya, Nishit" userId="d6171631-3d08-453d-8afd-2dc62a5026e2" providerId="ADAL" clId="{D7AE2352-920D-42BA-893C-466174C3D24D}" dt="2022-10-20T20:29:26.721" v="1316" actId="1036"/>
          <ac:spMkLst>
            <pc:docMk/>
            <pc:sldMk cId="904261193" sldId="2147307529"/>
            <ac:spMk id="109" creationId="{F501C6FD-A92D-4698-8F10-BD4C566A266D}"/>
          </ac:spMkLst>
        </pc:spChg>
        <pc:spChg chg="add mod">
          <ac:chgData name="Ajwaliya, Nishit" userId="d6171631-3d08-453d-8afd-2dc62a5026e2" providerId="ADAL" clId="{D7AE2352-920D-42BA-893C-466174C3D24D}" dt="2022-10-20T20:29:26.721" v="1316" actId="1036"/>
          <ac:spMkLst>
            <pc:docMk/>
            <pc:sldMk cId="904261193" sldId="2147307529"/>
            <ac:spMk id="110" creationId="{21238382-BD41-4F3A-A2A1-57C7CF55BCB5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11" creationId="{45C609D0-84B7-41A9-87CA-273347F416EB}"/>
          </ac:spMkLst>
        </pc:spChg>
        <pc:spChg chg="add mod">
          <ac:chgData name="Ajwaliya, Nishit" userId="d6171631-3d08-453d-8afd-2dc62a5026e2" providerId="ADAL" clId="{D7AE2352-920D-42BA-893C-466174C3D24D}" dt="2022-10-20T20:28:31.387" v="1301" actId="20577"/>
          <ac:spMkLst>
            <pc:docMk/>
            <pc:sldMk cId="904261193" sldId="2147307529"/>
            <ac:spMk id="112" creationId="{165A8276-198F-4046-BB27-146D4B45979F}"/>
          </ac:spMkLst>
        </pc:spChg>
        <pc:spChg chg="add mod">
          <ac:chgData name="Ajwaliya, Nishit" userId="d6171631-3d08-453d-8afd-2dc62a5026e2" providerId="ADAL" clId="{D7AE2352-920D-42BA-893C-466174C3D24D}" dt="2022-10-20T20:27:01.818" v="1281"/>
          <ac:spMkLst>
            <pc:docMk/>
            <pc:sldMk cId="904261193" sldId="2147307529"/>
            <ac:spMk id="113" creationId="{23AB1406-AE28-41FB-824C-4CF99D05E228}"/>
          </ac:spMkLst>
        </pc:spChg>
        <pc:spChg chg="add mod">
          <ac:chgData name="Ajwaliya, Nishit" userId="d6171631-3d08-453d-8afd-2dc62a5026e2" providerId="ADAL" clId="{D7AE2352-920D-42BA-893C-466174C3D24D}" dt="2022-10-20T20:29:26.721" v="1316" actId="1036"/>
          <ac:spMkLst>
            <pc:docMk/>
            <pc:sldMk cId="904261193" sldId="2147307529"/>
            <ac:spMk id="114" creationId="{C7F79689-6AA7-4878-8079-9C24BD344648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15" creationId="{8DE92275-C9A6-42F0-8752-286459A46550}"/>
          </ac:spMkLst>
        </pc:spChg>
        <pc:spChg chg="add mod">
          <ac:chgData name="Ajwaliya, Nishit" userId="d6171631-3d08-453d-8afd-2dc62a5026e2" providerId="ADAL" clId="{D7AE2352-920D-42BA-893C-466174C3D24D}" dt="2022-10-20T20:27:01.818" v="1281"/>
          <ac:spMkLst>
            <pc:docMk/>
            <pc:sldMk cId="904261193" sldId="2147307529"/>
            <ac:spMk id="116" creationId="{5BC32608-016C-4189-8996-B4BC90680B09}"/>
          </ac:spMkLst>
        </pc:spChg>
        <pc:spChg chg="add mod">
          <ac:chgData name="Ajwaliya, Nishit" userId="d6171631-3d08-453d-8afd-2dc62a5026e2" providerId="ADAL" clId="{D7AE2352-920D-42BA-893C-466174C3D24D}" dt="2022-10-20T20:31:03.942" v="1414" actId="1038"/>
          <ac:spMkLst>
            <pc:docMk/>
            <pc:sldMk cId="904261193" sldId="2147307529"/>
            <ac:spMk id="117" creationId="{7CA3D7A0-8F6B-4451-BEFB-8026C4817B11}"/>
          </ac:spMkLst>
        </pc:spChg>
        <pc:spChg chg="add mod">
          <ac:chgData name="Ajwaliya, Nishit" userId="d6171631-3d08-453d-8afd-2dc62a5026e2" providerId="ADAL" clId="{D7AE2352-920D-42BA-893C-466174C3D24D}" dt="2022-10-20T20:29:26.721" v="1316" actId="1036"/>
          <ac:spMkLst>
            <pc:docMk/>
            <pc:sldMk cId="904261193" sldId="2147307529"/>
            <ac:spMk id="118" creationId="{5B19508C-0E6F-4567-A3B5-21B8E96685BB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19" creationId="{FD2696C8-F69C-440F-8196-CFBF2F9D340B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20" creationId="{2B457129-27E6-4A12-94C6-82856110F6DB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21" creationId="{BC68F361-EF90-4D34-A7DF-9036AC564BA6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22" creationId="{5FB29395-6DD6-4319-BD73-65ED2B837513}"/>
          </ac:spMkLst>
        </pc:spChg>
        <pc:spChg chg="add mod">
          <ac:chgData name="Ajwaliya, Nishit" userId="d6171631-3d08-453d-8afd-2dc62a5026e2" providerId="ADAL" clId="{D7AE2352-920D-42BA-893C-466174C3D24D}" dt="2022-10-20T20:30:31.246" v="1368" actId="1035"/>
          <ac:spMkLst>
            <pc:docMk/>
            <pc:sldMk cId="904261193" sldId="2147307529"/>
            <ac:spMk id="123" creationId="{D67CAF6D-3507-49CC-88C0-8D9CAD32035D}"/>
          </ac:spMkLst>
        </pc:spChg>
        <pc:spChg chg="add 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124" creationId="{57CAEC32-29FD-48E8-A560-4195D4998A2E}"/>
          </ac:spMkLst>
        </pc:spChg>
        <pc:spChg chg="add mod">
          <ac:chgData name="Ajwaliya, Nishit" userId="d6171631-3d08-453d-8afd-2dc62a5026e2" providerId="ADAL" clId="{D7AE2352-920D-42BA-893C-466174C3D24D}" dt="2022-10-20T20:45:27.036" v="1751" actId="1037"/>
          <ac:spMkLst>
            <pc:docMk/>
            <pc:sldMk cId="904261193" sldId="2147307529"/>
            <ac:spMk id="125" creationId="{A33B84E7-6FBF-48C5-8B50-5B7760E45D11}"/>
          </ac:spMkLst>
        </pc:spChg>
        <pc:spChg chg="add mod">
          <ac:chgData name="Ajwaliya, Nishit" userId="d6171631-3d08-453d-8afd-2dc62a5026e2" providerId="ADAL" clId="{D7AE2352-920D-42BA-893C-466174C3D24D}" dt="2022-10-20T20:46:51.680" v="1823" actId="1038"/>
          <ac:spMkLst>
            <pc:docMk/>
            <pc:sldMk cId="904261193" sldId="2147307529"/>
            <ac:spMk id="126" creationId="{4D0B4DBD-2B34-4D3F-84B3-0F6BD5443BD2}"/>
          </ac:spMkLst>
        </pc:spChg>
        <pc:spChg chg="add mod">
          <ac:chgData name="Ajwaliya, Nishit" userId="d6171631-3d08-453d-8afd-2dc62a5026e2" providerId="ADAL" clId="{D7AE2352-920D-42BA-893C-466174C3D24D}" dt="2022-10-20T20:46:51.680" v="1823" actId="1038"/>
          <ac:spMkLst>
            <pc:docMk/>
            <pc:sldMk cId="904261193" sldId="2147307529"/>
            <ac:spMk id="127" creationId="{5AF34E3A-475D-4FFE-85A5-CBA6EFDBCEE7}"/>
          </ac:spMkLst>
        </pc:spChg>
        <pc:spChg chg="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277" creationId="{D4B03156-096D-4FE5-9916-A00C847AA881}"/>
          </ac:spMkLst>
        </pc:spChg>
        <pc:spChg chg="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278" creationId="{459DEE68-A6A4-424E-9476-282EF0FE2C2D}"/>
          </ac:spMkLst>
        </pc:spChg>
        <pc:spChg chg="del mod">
          <ac:chgData name="Ajwaliya, Nishit" userId="d6171631-3d08-453d-8afd-2dc62a5026e2" providerId="ADAL" clId="{D7AE2352-920D-42BA-893C-466174C3D24D}" dt="2022-10-20T20:27:18.142" v="1282" actId="478"/>
          <ac:spMkLst>
            <pc:docMk/>
            <pc:sldMk cId="904261193" sldId="2147307529"/>
            <ac:spMk id="279" creationId="{DBFF95B2-3CA5-4316-B865-091BCE891D83}"/>
          </ac:spMkLst>
        </pc:spChg>
        <pc:spChg chg="add del mod">
          <ac:chgData name="Ajwaliya, Nishit" userId="d6171631-3d08-453d-8afd-2dc62a5026e2" providerId="ADAL" clId="{D7AE2352-920D-42BA-893C-466174C3D24D}" dt="2022-10-20T20:27:36.348" v="1287" actId="478"/>
          <ac:spMkLst>
            <pc:docMk/>
            <pc:sldMk cId="904261193" sldId="2147307529"/>
            <ac:spMk id="280" creationId="{07CA9DFF-049B-4103-A784-4D8914EDF69B}"/>
          </ac:spMkLst>
        </pc:spChg>
        <pc:spChg chg="del mod">
          <ac:chgData name="Ajwaliya, Nishit" userId="d6171631-3d08-453d-8afd-2dc62a5026e2" providerId="ADAL" clId="{D7AE2352-920D-42BA-893C-466174C3D24D}" dt="2022-10-20T20:27:26.993" v="1284" actId="478"/>
          <ac:spMkLst>
            <pc:docMk/>
            <pc:sldMk cId="904261193" sldId="2147307529"/>
            <ac:spMk id="282" creationId="{49748139-A290-4105-97F8-C6BB41311301}"/>
          </ac:spMkLst>
        </pc:spChg>
        <pc:spChg chg="mod">
          <ac:chgData name="Ajwaliya, Nishit" userId="d6171631-3d08-453d-8afd-2dc62a5026e2" providerId="ADAL" clId="{D7AE2352-920D-42BA-893C-466174C3D24D}" dt="2022-10-20T20:39:28.396" v="1575" actId="14100"/>
          <ac:spMkLst>
            <pc:docMk/>
            <pc:sldMk cId="904261193" sldId="2147307529"/>
            <ac:spMk id="310" creationId="{58085F00-1194-4882-8B91-6BCA3C408670}"/>
          </ac:spMkLst>
        </pc:spChg>
        <pc:spChg chg="mod">
          <ac:chgData name="Ajwaliya, Nishit" userId="d6171631-3d08-453d-8afd-2dc62a5026e2" providerId="ADAL" clId="{D7AE2352-920D-42BA-893C-466174C3D24D}" dt="2022-10-20T20:39:19.493" v="1573" actId="1035"/>
          <ac:spMkLst>
            <pc:docMk/>
            <pc:sldMk cId="904261193" sldId="2147307529"/>
            <ac:spMk id="312" creationId="{76913871-16D9-4413-9045-DC0029C0EB1B}"/>
          </ac:spMkLst>
        </pc:spChg>
        <pc:spChg chg="mod">
          <ac:chgData name="Ajwaliya, Nishit" userId="d6171631-3d08-453d-8afd-2dc62a5026e2" providerId="ADAL" clId="{D7AE2352-920D-42BA-893C-466174C3D24D}" dt="2022-10-20T20:39:19.493" v="1573" actId="1035"/>
          <ac:spMkLst>
            <pc:docMk/>
            <pc:sldMk cId="904261193" sldId="2147307529"/>
            <ac:spMk id="314" creationId="{F0198DAC-46D2-431D-BE04-C477DC819B8D}"/>
          </ac:spMkLst>
        </pc:spChg>
        <pc:spChg chg="mod">
          <ac:chgData name="Ajwaliya, Nishit" userId="d6171631-3d08-453d-8afd-2dc62a5026e2" providerId="ADAL" clId="{D7AE2352-920D-42BA-893C-466174C3D24D}" dt="2022-10-20T20:45:45.467" v="1752" actId="14100"/>
          <ac:spMkLst>
            <pc:docMk/>
            <pc:sldMk cId="904261193" sldId="2147307529"/>
            <ac:spMk id="315" creationId="{CA5143F8-C648-4971-B0DE-F85E22ED3C4F}"/>
          </ac:spMkLst>
        </pc:spChg>
        <pc:spChg chg="mod">
          <ac:chgData name="Ajwaliya, Nishit" userId="d6171631-3d08-453d-8afd-2dc62a5026e2" providerId="ADAL" clId="{D7AE2352-920D-42BA-893C-466174C3D24D}" dt="2022-10-20T19:17:58.229" v="977" actId="1076"/>
          <ac:spMkLst>
            <pc:docMk/>
            <pc:sldMk cId="904261193" sldId="2147307529"/>
            <ac:spMk id="316" creationId="{ACD590B6-8A4A-4561-A103-8D2E2C776C9A}"/>
          </ac:spMkLst>
        </pc:spChg>
        <pc:spChg chg="mod">
          <ac:chgData name="Ajwaliya, Nishit" userId="d6171631-3d08-453d-8afd-2dc62a5026e2" providerId="ADAL" clId="{D7AE2352-920D-42BA-893C-466174C3D24D}" dt="2022-10-20T20:32:21.379" v="1419" actId="14100"/>
          <ac:spMkLst>
            <pc:docMk/>
            <pc:sldMk cId="904261193" sldId="2147307529"/>
            <ac:spMk id="318" creationId="{0736E9F1-147E-4B48-8652-95E0A52B7BBC}"/>
          </ac:spMkLst>
        </pc:spChg>
        <pc:spChg chg="mod">
          <ac:chgData name="Ajwaliya, Nishit" userId="d6171631-3d08-453d-8afd-2dc62a5026e2" providerId="ADAL" clId="{D7AE2352-920D-42BA-893C-466174C3D24D}" dt="2022-10-20T20:32:21.379" v="1419" actId="14100"/>
          <ac:spMkLst>
            <pc:docMk/>
            <pc:sldMk cId="904261193" sldId="2147307529"/>
            <ac:spMk id="319" creationId="{900C921F-3A0A-4357-900F-DF5B23D7644B}"/>
          </ac:spMkLst>
        </pc:spChg>
        <pc:spChg chg="del mod">
          <ac:chgData name="Ajwaliya, Nishit" userId="d6171631-3d08-453d-8afd-2dc62a5026e2" providerId="ADAL" clId="{D7AE2352-920D-42BA-893C-466174C3D24D}" dt="2022-10-20T20:27:24.803" v="1283" actId="478"/>
          <ac:spMkLst>
            <pc:docMk/>
            <pc:sldMk cId="904261193" sldId="2147307529"/>
            <ac:spMk id="329" creationId="{48B508C1-7E2C-40A8-AFFD-D5E1B80C6B7E}"/>
          </ac:spMkLst>
        </pc:spChg>
        <pc:spChg chg="mod">
          <ac:chgData name="Ajwaliya, Nishit" userId="d6171631-3d08-453d-8afd-2dc62a5026e2" providerId="ADAL" clId="{D7AE2352-920D-42BA-893C-466174C3D24D}" dt="2022-10-20T19:20:29.347" v="1055" actId="1038"/>
          <ac:spMkLst>
            <pc:docMk/>
            <pc:sldMk cId="904261193" sldId="2147307529"/>
            <ac:spMk id="330" creationId="{517FAB0E-0F58-4FEA-80ED-786E370BEA7C}"/>
          </ac:spMkLst>
        </pc:spChg>
        <pc:spChg chg="del mod">
          <ac:chgData name="Ajwaliya, Nishit" userId="d6171631-3d08-453d-8afd-2dc62a5026e2" providerId="ADAL" clId="{D7AE2352-920D-42BA-893C-466174C3D24D}" dt="2022-10-20T20:28:39.411" v="1302" actId="478"/>
          <ac:spMkLst>
            <pc:docMk/>
            <pc:sldMk cId="904261193" sldId="2147307529"/>
            <ac:spMk id="351" creationId="{8ADC5671-CE07-4FCB-A778-26173EA4D013}"/>
          </ac:spMkLst>
        </pc:spChg>
        <pc:spChg chg="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352" creationId="{7DDFFA79-F76D-4823-AEC6-E2355DBA5CB4}"/>
          </ac:spMkLst>
        </pc:spChg>
        <pc:spChg chg="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359" creationId="{D91A8FEB-06FE-4044-B8FF-756FD227EBA5}"/>
          </ac:spMkLst>
        </pc:spChg>
        <pc:spChg chg="mod">
          <ac:chgData name="Ajwaliya, Nishit" userId="d6171631-3d08-453d-8afd-2dc62a5026e2" providerId="ADAL" clId="{D7AE2352-920D-42BA-893C-466174C3D24D}" dt="2022-10-20T19:16:47.876" v="937" actId="1036"/>
          <ac:spMkLst>
            <pc:docMk/>
            <pc:sldMk cId="904261193" sldId="2147307529"/>
            <ac:spMk id="363" creationId="{4876B329-05EA-45D5-B4AC-526D938C001A}"/>
          </ac:spMkLst>
        </pc:spChg>
        <pc:spChg chg="mod">
          <ac:chgData name="Ajwaliya, Nishit" userId="d6171631-3d08-453d-8afd-2dc62a5026e2" providerId="ADAL" clId="{D7AE2352-920D-42BA-893C-466174C3D24D}" dt="2022-10-20T19:16:47.876" v="937" actId="1036"/>
          <ac:spMkLst>
            <pc:docMk/>
            <pc:sldMk cId="904261193" sldId="2147307529"/>
            <ac:spMk id="364" creationId="{D720271D-A9A5-4B5C-BEBA-624AC2C14978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365" creationId="{D502F2CC-EC96-4A14-9161-3EB97D4F993C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366" creationId="{6A16A5F7-E370-4891-B8DF-4FBC312DDB9D}"/>
          </ac:spMkLst>
        </pc:spChg>
        <pc:spChg chg="del mod">
          <ac:chgData name="Ajwaliya, Nishit" userId="d6171631-3d08-453d-8afd-2dc62a5026e2" providerId="ADAL" clId="{D7AE2352-920D-42BA-893C-466174C3D24D}" dt="2022-10-20T20:27:36.348" v="1287" actId="478"/>
          <ac:spMkLst>
            <pc:docMk/>
            <pc:sldMk cId="904261193" sldId="2147307529"/>
            <ac:spMk id="380" creationId="{9C50EDC6-738A-4065-B233-ECBAF5BB58CE}"/>
          </ac:spMkLst>
        </pc:spChg>
        <pc:spChg chg="del mod">
          <ac:chgData name="Ajwaliya, Nishit" userId="d6171631-3d08-453d-8afd-2dc62a5026e2" providerId="ADAL" clId="{D7AE2352-920D-42BA-893C-466174C3D24D}" dt="2022-10-20T20:27:36.348" v="1287" actId="478"/>
          <ac:spMkLst>
            <pc:docMk/>
            <pc:sldMk cId="904261193" sldId="2147307529"/>
            <ac:spMk id="381" creationId="{D9CC935F-DD59-4CB5-9D4F-146D521B946F}"/>
          </ac:spMkLst>
        </pc:spChg>
        <pc:spChg chg="mod">
          <ac:chgData name="Ajwaliya, Nishit" userId="d6171631-3d08-453d-8afd-2dc62a5026e2" providerId="ADAL" clId="{D7AE2352-920D-42BA-893C-466174C3D24D}" dt="2022-10-20T20:39:07.782" v="1569" actId="1036"/>
          <ac:spMkLst>
            <pc:docMk/>
            <pc:sldMk cId="904261193" sldId="2147307529"/>
            <ac:spMk id="383" creationId="{C3D22962-2470-44A3-BC39-3C523527553B}"/>
          </ac:spMkLst>
        </pc:spChg>
        <pc:spChg chg="del">
          <ac:chgData name="Ajwaliya, Nishit" userId="d6171631-3d08-453d-8afd-2dc62a5026e2" providerId="ADAL" clId="{D7AE2352-920D-42BA-893C-466174C3D24D}" dt="2022-10-20T18:42:42.325" v="20" actId="478"/>
          <ac:spMkLst>
            <pc:docMk/>
            <pc:sldMk cId="904261193" sldId="2147307529"/>
            <ac:spMk id="384" creationId="{BEFA452C-1C16-453B-A163-6AEF207A7965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385" creationId="{2CE365CA-39B7-40D5-8CD8-25E3873945E0}"/>
          </ac:spMkLst>
        </pc:spChg>
        <pc:spChg chg="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386" creationId="{2026660D-A8E1-4F16-8F9D-12EFF89A5A3D}"/>
          </ac:spMkLst>
        </pc:spChg>
        <pc:spChg chg="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387" creationId="{5EEF1CC1-B0AB-4421-A197-E14269DBF517}"/>
          </ac:spMkLst>
        </pc:spChg>
        <pc:spChg chg="mod">
          <ac:chgData name="Ajwaliya, Nishit" userId="d6171631-3d08-453d-8afd-2dc62a5026e2" providerId="ADAL" clId="{D7AE2352-920D-42BA-893C-466174C3D24D}" dt="2022-10-20T20:45:03.967" v="1746" actId="1036"/>
          <ac:spMkLst>
            <pc:docMk/>
            <pc:sldMk cId="904261193" sldId="2147307529"/>
            <ac:spMk id="389" creationId="{F1805853-1CBF-4D1A-8322-8ED7983914D5}"/>
          </ac:spMkLst>
        </pc:spChg>
        <pc:spChg chg="del mod">
          <ac:chgData name="Ajwaliya, Nishit" userId="d6171631-3d08-453d-8afd-2dc62a5026e2" providerId="ADAL" clId="{D7AE2352-920D-42BA-893C-466174C3D24D}" dt="2022-10-20T18:45:05.707" v="123" actId="478"/>
          <ac:spMkLst>
            <pc:docMk/>
            <pc:sldMk cId="904261193" sldId="2147307529"/>
            <ac:spMk id="391" creationId="{FB5FC998-CEAD-4F60-96E0-784E182EF815}"/>
          </ac:spMkLst>
        </pc:spChg>
        <pc:spChg chg="del mod">
          <ac:chgData name="Ajwaliya, Nishit" userId="d6171631-3d08-453d-8afd-2dc62a5026e2" providerId="ADAL" clId="{D7AE2352-920D-42BA-893C-466174C3D24D}" dt="2022-10-20T20:28:48.225" v="1303" actId="478"/>
          <ac:spMkLst>
            <pc:docMk/>
            <pc:sldMk cId="904261193" sldId="2147307529"/>
            <ac:spMk id="393" creationId="{05FE88C3-71FE-4293-A588-0B7E5BB10E43}"/>
          </ac:spMkLst>
        </pc:spChg>
        <pc:spChg chg="del mod">
          <ac:chgData name="Ajwaliya, Nishit" userId="d6171631-3d08-453d-8afd-2dc62a5026e2" providerId="ADAL" clId="{D7AE2352-920D-42BA-893C-466174C3D24D}" dt="2022-10-20T19:19:55.865" v="998" actId="478"/>
          <ac:spMkLst>
            <pc:docMk/>
            <pc:sldMk cId="904261193" sldId="2147307529"/>
            <ac:spMk id="395" creationId="{355A9322-4F1E-4EE9-B2AE-672A2D72FF02}"/>
          </ac:spMkLst>
        </pc:spChg>
        <pc:spChg chg="del mod">
          <ac:chgData name="Ajwaliya, Nishit" userId="d6171631-3d08-453d-8afd-2dc62a5026e2" providerId="ADAL" clId="{D7AE2352-920D-42BA-893C-466174C3D24D}" dt="2022-10-20T19:19:53.943" v="997" actId="478"/>
          <ac:spMkLst>
            <pc:docMk/>
            <pc:sldMk cId="904261193" sldId="2147307529"/>
            <ac:spMk id="396" creationId="{28A1A175-766C-4059-BEF9-6F60B164170B}"/>
          </ac:spMkLst>
        </pc:spChg>
        <pc:spChg chg="mod">
          <ac:chgData name="Ajwaliya, Nishit" userId="d6171631-3d08-453d-8afd-2dc62a5026e2" providerId="ADAL" clId="{D7AE2352-920D-42BA-893C-466174C3D24D}" dt="2022-10-20T20:32:39.170" v="1426" actId="1035"/>
          <ac:spMkLst>
            <pc:docMk/>
            <pc:sldMk cId="904261193" sldId="2147307529"/>
            <ac:spMk id="405" creationId="{7FB597E5-520D-4A1E-B8EF-2A59BDE6806A}"/>
          </ac:spMkLst>
        </pc:spChg>
        <pc:spChg chg="mod">
          <ac:chgData name="Ajwaliya, Nishit" userId="d6171631-3d08-453d-8afd-2dc62a5026e2" providerId="ADAL" clId="{D7AE2352-920D-42BA-893C-466174C3D24D}" dt="2022-10-20T20:32:53.468" v="1429" actId="1036"/>
          <ac:spMkLst>
            <pc:docMk/>
            <pc:sldMk cId="904261193" sldId="2147307529"/>
            <ac:spMk id="406" creationId="{C66D3777-A34F-4134-9CBD-5370C66925D3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416" creationId="{A52479B3-1B20-4765-BE4D-A94A64ACFCB5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417" creationId="{4CBEAE4D-DB9B-4D53-915A-8D1CE9161DD4}"/>
          </ac:spMkLst>
        </pc:spChg>
        <pc:spChg chg="mod">
          <ac:chgData name="Ajwaliya, Nishit" userId="d6171631-3d08-453d-8afd-2dc62a5026e2" providerId="ADAL" clId="{D7AE2352-920D-42BA-893C-466174C3D24D}" dt="2022-10-20T20:44:46.902" v="1740" actId="1035"/>
          <ac:spMkLst>
            <pc:docMk/>
            <pc:sldMk cId="904261193" sldId="2147307529"/>
            <ac:spMk id="418" creationId="{0D0FC871-10DA-4970-A09B-1995D50159C1}"/>
          </ac:spMkLst>
        </pc:spChg>
        <pc:spChg chg="del mod">
          <ac:chgData name="Ajwaliya, Nishit" userId="d6171631-3d08-453d-8afd-2dc62a5026e2" providerId="ADAL" clId="{D7AE2352-920D-42BA-893C-466174C3D24D}" dt="2022-10-20T19:20:05.668" v="999" actId="478"/>
          <ac:spMkLst>
            <pc:docMk/>
            <pc:sldMk cId="904261193" sldId="2147307529"/>
            <ac:spMk id="428" creationId="{1429A08F-A89E-4DFA-B945-6639BADD7265}"/>
          </ac:spMkLst>
        </pc:spChg>
        <pc:spChg chg="del mod">
          <ac:chgData name="Ajwaliya, Nishit" userId="d6171631-3d08-453d-8afd-2dc62a5026e2" providerId="ADAL" clId="{D7AE2352-920D-42BA-893C-466174C3D24D}" dt="2022-10-20T19:20:10.269" v="1000" actId="478"/>
          <ac:spMkLst>
            <pc:docMk/>
            <pc:sldMk cId="904261193" sldId="2147307529"/>
            <ac:spMk id="429" creationId="{9AF59BB2-4093-4C2B-8987-8B569FEA7416}"/>
          </ac:spMkLst>
        </pc:spChg>
        <pc:spChg chg="del mod">
          <ac:chgData name="Ajwaliya, Nishit" userId="d6171631-3d08-453d-8afd-2dc62a5026e2" providerId="ADAL" clId="{D7AE2352-920D-42BA-893C-466174C3D24D}" dt="2022-10-20T19:20:05.668" v="999" actId="478"/>
          <ac:spMkLst>
            <pc:docMk/>
            <pc:sldMk cId="904261193" sldId="2147307529"/>
            <ac:spMk id="430" creationId="{E4AC434B-CD4E-4F0C-87FA-839C89C82BAE}"/>
          </ac:spMkLst>
        </pc:spChg>
        <pc:spChg chg="del mod">
          <ac:chgData name="Ajwaliya, Nishit" userId="d6171631-3d08-453d-8afd-2dc62a5026e2" providerId="ADAL" clId="{D7AE2352-920D-42BA-893C-466174C3D24D}" dt="2022-10-20T19:20:05.668" v="999" actId="478"/>
          <ac:spMkLst>
            <pc:docMk/>
            <pc:sldMk cId="904261193" sldId="2147307529"/>
            <ac:spMk id="431" creationId="{92FDBE7F-61F3-41FD-AF1E-3D1E3AB90B7C}"/>
          </ac:spMkLst>
        </pc:spChg>
        <pc:spChg chg="del mod">
          <ac:chgData name="Ajwaliya, Nishit" userId="d6171631-3d08-453d-8afd-2dc62a5026e2" providerId="ADAL" clId="{D7AE2352-920D-42BA-893C-466174C3D24D}" dt="2022-10-20T19:20:05.668" v="999" actId="478"/>
          <ac:spMkLst>
            <pc:docMk/>
            <pc:sldMk cId="904261193" sldId="2147307529"/>
            <ac:spMk id="432" creationId="{5A3F99FE-CABA-4F21-8B6B-3A5FECCC7F1D}"/>
          </ac:spMkLst>
        </pc:spChg>
        <pc:spChg chg="del mod">
          <ac:chgData name="Ajwaliya, Nishit" userId="d6171631-3d08-453d-8afd-2dc62a5026e2" providerId="ADAL" clId="{D7AE2352-920D-42BA-893C-466174C3D24D}" dt="2022-10-20T19:20:10.269" v="1000" actId="478"/>
          <ac:spMkLst>
            <pc:docMk/>
            <pc:sldMk cId="904261193" sldId="2147307529"/>
            <ac:spMk id="433" creationId="{12FBD778-6CB5-4404-9982-71263E3EC779}"/>
          </ac:spMkLst>
        </pc:spChg>
        <pc:spChg chg="del mod">
          <ac:chgData name="Ajwaliya, Nishit" userId="d6171631-3d08-453d-8afd-2dc62a5026e2" providerId="ADAL" clId="{D7AE2352-920D-42BA-893C-466174C3D24D}" dt="2022-10-20T19:20:10.269" v="1000" actId="478"/>
          <ac:spMkLst>
            <pc:docMk/>
            <pc:sldMk cId="904261193" sldId="2147307529"/>
            <ac:spMk id="434" creationId="{36F155C8-71A2-473E-BAD4-9689403B5127}"/>
          </ac:spMkLst>
        </pc:spChg>
        <pc:spChg chg="del mod">
          <ac:chgData name="Ajwaliya, Nishit" userId="d6171631-3d08-453d-8afd-2dc62a5026e2" providerId="ADAL" clId="{D7AE2352-920D-42BA-893C-466174C3D24D}" dt="2022-10-20T19:20:10.269" v="1000" actId="478"/>
          <ac:spMkLst>
            <pc:docMk/>
            <pc:sldMk cId="904261193" sldId="2147307529"/>
            <ac:spMk id="435" creationId="{0928BA57-54E0-406E-8712-7D25DCF7C2D1}"/>
          </ac:spMkLst>
        </pc:spChg>
        <pc:spChg chg="del mod">
          <ac:chgData name="Ajwaliya, Nishit" userId="d6171631-3d08-453d-8afd-2dc62a5026e2" providerId="ADAL" clId="{D7AE2352-920D-42BA-893C-466174C3D24D}" dt="2022-10-20T19:20:05.668" v="999" actId="478"/>
          <ac:spMkLst>
            <pc:docMk/>
            <pc:sldMk cId="904261193" sldId="2147307529"/>
            <ac:spMk id="436" creationId="{B6ECDBAF-753A-43C3-BE38-0BD33C6777F9}"/>
          </ac:spMkLst>
        </pc:spChg>
        <pc:spChg chg="del mod">
          <ac:chgData name="Ajwaliya, Nishit" userId="d6171631-3d08-453d-8afd-2dc62a5026e2" providerId="ADAL" clId="{D7AE2352-920D-42BA-893C-466174C3D24D}" dt="2022-10-20T19:20:13.064" v="1001" actId="478"/>
          <ac:spMkLst>
            <pc:docMk/>
            <pc:sldMk cId="904261193" sldId="2147307529"/>
            <ac:spMk id="437" creationId="{3F554144-6849-4FC7-855D-86BB80FCF0B1}"/>
          </ac:spMkLst>
        </pc:spChg>
        <pc:spChg chg="del mod">
          <ac:chgData name="Ajwaliya, Nishit" userId="d6171631-3d08-453d-8afd-2dc62a5026e2" providerId="ADAL" clId="{D7AE2352-920D-42BA-893C-466174C3D24D}" dt="2022-10-20T20:28:39.411" v="1302" actId="478"/>
          <ac:spMkLst>
            <pc:docMk/>
            <pc:sldMk cId="904261193" sldId="2147307529"/>
            <ac:spMk id="438" creationId="{E08230ED-126E-44EF-9D04-036D837A8F64}"/>
          </ac:spMkLst>
        </pc:spChg>
        <pc:spChg chg="del mod">
          <ac:chgData name="Ajwaliya, Nishit" userId="d6171631-3d08-453d-8afd-2dc62a5026e2" providerId="ADAL" clId="{D7AE2352-920D-42BA-893C-466174C3D24D}" dt="2022-10-20T20:27:36.348" v="1287" actId="478"/>
          <ac:spMkLst>
            <pc:docMk/>
            <pc:sldMk cId="904261193" sldId="2147307529"/>
            <ac:spMk id="440" creationId="{B022BCF7-C67F-4609-A4D8-ED44B0F0B251}"/>
          </ac:spMkLst>
        </pc:spChg>
        <pc:spChg chg="del mod">
          <ac:chgData name="Ajwaliya, Nishit" userId="d6171631-3d08-453d-8afd-2dc62a5026e2" providerId="ADAL" clId="{D7AE2352-920D-42BA-893C-466174C3D24D}" dt="2022-10-20T20:27:36.348" v="1287" actId="478"/>
          <ac:spMkLst>
            <pc:docMk/>
            <pc:sldMk cId="904261193" sldId="2147307529"/>
            <ac:spMk id="441" creationId="{290DFE92-F2FE-4952-A501-AEE9760A24B8}"/>
          </ac:spMkLst>
        </pc:spChg>
        <pc:spChg chg="mod">
          <ac:chgData name="Ajwaliya, Nishit" userId="d6171631-3d08-453d-8afd-2dc62a5026e2" providerId="ADAL" clId="{D7AE2352-920D-42BA-893C-466174C3D24D}" dt="2022-10-20T19:20:29.347" v="1055" actId="1038"/>
          <ac:spMkLst>
            <pc:docMk/>
            <pc:sldMk cId="904261193" sldId="2147307529"/>
            <ac:spMk id="444" creationId="{61B6E784-5F57-48A7-8B7A-1F4A24E0C995}"/>
          </ac:spMkLst>
        </pc:spChg>
        <pc:spChg chg="mod">
          <ac:chgData name="Ajwaliya, Nishit" userId="d6171631-3d08-453d-8afd-2dc62a5026e2" providerId="ADAL" clId="{D7AE2352-920D-42BA-893C-466174C3D24D}" dt="2022-10-20T19:20:29.347" v="1055" actId="1038"/>
          <ac:spMkLst>
            <pc:docMk/>
            <pc:sldMk cId="904261193" sldId="2147307529"/>
            <ac:spMk id="445" creationId="{8F1BA791-CE14-4FB1-BA6A-72A3CB1B2C3D}"/>
          </ac:spMkLst>
        </pc:spChg>
      </pc:sldChg>
      <pc:sldChg chg="del">
        <pc:chgData name="Ajwaliya, Nishit" userId="d6171631-3d08-453d-8afd-2dc62a5026e2" providerId="ADAL" clId="{D7AE2352-920D-42BA-893C-466174C3D24D}" dt="2022-10-20T20:49:15.392" v="1867" actId="47"/>
        <pc:sldMkLst>
          <pc:docMk/>
          <pc:sldMk cId="1928411725" sldId="2147307530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19" name="Rectangle 1027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9761" y="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D8211FFE-B3EB-1B4F-A849-3CF65CAE83E6}" type="datetime1">
              <a:rPr lang="en-GB" smtClean="0"/>
              <a:t>20/10/2022</a:t>
            </a:fld>
            <a:endParaRPr lang="en-US"/>
          </a:p>
        </p:txBody>
      </p:sp>
      <p:sp>
        <p:nvSpPr>
          <p:cNvPr id="9220" name="Rectangle 1028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289191"/>
            <a:ext cx="2890916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221" name="Rectangle 1029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9761" y="9289191"/>
            <a:ext cx="2890915" cy="4882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105" charset="-128"/>
                <a:cs typeface="+mn-cs"/>
              </a:defRPr>
            </a:lvl1pPr>
          </a:lstStyle>
          <a:p>
            <a:pPr>
              <a:defRPr/>
            </a:pPr>
            <a:fld id="{350ECF5C-888C-41F6-A366-B80CE9FF0D5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11783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8312" y="1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C31C4EFE-BC34-5643-BA96-233A28E9007A}" type="datetime1">
              <a:rPr lang="en-GB" smtClean="0"/>
              <a:t>20/10/2022</a:t>
            </a:fld>
            <a:endParaRPr lang="en-GB"/>
          </a:p>
        </p:txBody>
      </p:sp>
      <p:sp>
        <p:nvSpPr>
          <p:cNvPr id="10854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7788" y="733425"/>
            <a:ext cx="6515100" cy="3665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085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67358" y="4644596"/>
            <a:ext cx="5335961" cy="43988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85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/>
          </a:p>
        </p:txBody>
      </p:sp>
      <p:sp>
        <p:nvSpPr>
          <p:cNvPr id="1085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8312" y="9287575"/>
            <a:ext cx="2890916" cy="4882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D779895-3E67-4CB8-BE0C-23F3FD5FF7F3}" type="slidenum">
              <a:rPr lang="en-GB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8616298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1pPr>
    <a:lvl2pPr marL="609539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2pPr>
    <a:lvl3pPr marL="1219080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3pPr>
    <a:lvl4pPr marL="182861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4pPr>
    <a:lvl5pPr marL="2438158" algn="l" rtl="0" fontAlgn="base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rial" charset="0"/>
        <a:ea typeface="+mn-ea"/>
        <a:cs typeface="+mn-cs"/>
      </a:defRPr>
    </a:lvl5pPr>
    <a:lvl6pPr marL="3047696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235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77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313" algn="l" defTabSz="121908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D779895-3E67-4CB8-BE0C-23F3FD5FF7F3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08632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268BE9-0187-4CAA-AA93-9EC207E638B3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370889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20601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1" i="0" u="none" strike="noStrike" kern="0" cap="none" spc="0" normalizeH="0" baseline="0" noProof="0" smtClean="0">
                <a:ln>
                  <a:noFill/>
                </a:ln>
                <a:solidFill>
                  <a:srgbClr val="BBE0E3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1" i="0" u="none" strike="noStrike" kern="0" cap="none" spc="0" normalizeH="0" baseline="0" noProof="0">
              <a:ln>
                <a:noFill/>
              </a:ln>
              <a:solidFill>
                <a:srgbClr val="BBE0E3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8261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44706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r>
              <a:rPr lang="en-US"/>
              <a:t>Bottom-up view of enabling Data Capabilities in support of prioritized business capabilities</a:t>
            </a:r>
          </a:p>
          <a:p>
            <a:pPr marL="609539" lvl="1" indent="0">
              <a:buNone/>
            </a:pPr>
            <a:r>
              <a:rPr lang="en-US"/>
              <a:t>- Iterative approach to building out capabilities incrementally though data enablement – Clean data available and  under management - Master Data managed under MDM and both Master and Transaction Data Available within the Data Hub </a:t>
            </a:r>
          </a:p>
          <a:p>
            <a:pPr marL="342900" indent="-342900">
              <a:buAutoNum type="arabicPeriod"/>
            </a:pPr>
            <a:r>
              <a:rPr lang="en-US"/>
              <a:t>Business Capabilities sequencing and timelines are still subject to Top-Down Analysis under the Program Governance &amp; Alignment and Technology Solutioning Towers (taking place over the next 3-4 months, but subject to funding)</a:t>
            </a:r>
          </a:p>
          <a:p>
            <a:pPr marL="0" indent="0">
              <a:buNone/>
            </a:pPr>
            <a:r>
              <a:rPr lang="en-US"/>
              <a:t>                - Programs need to re-align priorities and release plan, cross-program gaps and dependencies need to be revisited and programs must be funded and resourced accordingly.  This is especially impacted by program gaps in CRM and Automated  </a:t>
            </a:r>
          </a:p>
          <a:p>
            <a:pPr marL="0" indent="0">
              <a:buNone/>
            </a:pPr>
            <a:r>
              <a:rPr lang="en-US"/>
              <a:t>                  Marketing capabilities </a:t>
            </a:r>
          </a:p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/>
              <a:t>                -  Note: </a:t>
            </a:r>
            <a:r>
              <a:rPr lang="en-US" sz="1600" b="0">
                <a:solidFill>
                  <a:schemeClr val="tx1"/>
                </a:solidFill>
              </a:rPr>
              <a:t>CRM and Marketing Automation Completes in Dec 2022</a:t>
            </a:r>
            <a:endParaRPr lang="en-US"/>
          </a:p>
          <a:p>
            <a:pPr marL="342900" indent="-342900">
              <a:buAutoNum type="arabicPeriod" startAt="3"/>
            </a:pPr>
            <a:r>
              <a:rPr lang="en-US"/>
              <a:t>Timelines for many of the required business capabilities extend beyond May-2022 which are being driving by process and tech changes</a:t>
            </a:r>
          </a:p>
          <a:p>
            <a:pPr marL="342900" indent="-342900">
              <a:buAutoNum type="arabicPeriod" startAt="3"/>
            </a:pPr>
            <a:r>
              <a:rPr lang="en-US"/>
              <a:t>Some Capabilities that the Blueprint suggests will be dependent on a step change in platform can begin to be enabled by a Step change in data (e.g. Billing Insights).  Other such as (New Service Connect) will obviously be clearly be dependent on AMI service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D779895-3E67-4CB8-BE0C-23F3FD5FF7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48139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emf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5D8CDB5-958E-4EBE-8C05-3F9C84B061E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4DC1A31-5068-457A-9EB8-1CE2FB678F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704472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0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7577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7346" y="4596212"/>
            <a:ext cx="1356744" cy="366143"/>
          </a:xfrm>
          <a:prstGeom prst="rect">
            <a:avLst/>
          </a:prstGeom>
        </p:spPr>
      </p:pic>
      <p:sp>
        <p:nvSpPr>
          <p:cNvPr id="9" name="Round Diagonal Corner Rectangle 4">
            <a:extLst>
              <a:ext uri="{FF2B5EF4-FFF2-40B4-BE49-F238E27FC236}">
                <a16:creationId xmlns:a16="http://schemas.microsoft.com/office/drawing/2014/main" id="{DE53115C-105A-4CE7-BEF2-2D7D7A9604F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366749882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+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6EA4CB8-B76A-4A4F-B30A-6D19D7F519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30194" y="2536528"/>
            <a:ext cx="2524125" cy="769441"/>
          </a:xfrm>
        </p:spPr>
        <p:txBody>
          <a:bodyPr/>
          <a:lstStyle>
            <a:lvl1pPr>
              <a:spcAft>
                <a:spcPts val="0"/>
              </a:spcAft>
              <a:defRPr lang="en-US" sz="3200" b="1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>
              <a:spcAft>
                <a:spcPts val="0"/>
              </a:spcAft>
              <a:defRPr lang="en-GB" sz="1800" b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/>
              <a:t>Title</a:t>
            </a:r>
          </a:p>
          <a:p>
            <a:pPr lvl="1"/>
            <a:r>
              <a:rPr lang="en-US"/>
              <a:t>Sub heading</a:t>
            </a:r>
            <a:endParaRPr lang="en-GB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324416E-20A7-468D-9CF8-500D2A91B3F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17496" y="680340"/>
            <a:ext cx="2598742" cy="1769715"/>
          </a:xfrm>
        </p:spPr>
        <p:txBody>
          <a:bodyPr anchor="b" anchorCtr="0"/>
          <a:lstStyle>
            <a:lvl1pPr>
              <a:defRPr sz="115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1</a:t>
            </a:r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B6D58862-146A-4EE8-ADC1-F3A18F91FACA}"/>
              </a:ext>
            </a:extLst>
          </p:cNvPr>
          <p:cNvSpPr>
            <a:spLocks noGrp="1" noChangeAspect="1"/>
          </p:cNvSpPr>
          <p:nvPr>
            <p:ph type="pic" sz="quarter" idx="16" hasCustomPrompt="1"/>
          </p:nvPr>
        </p:nvSpPr>
        <p:spPr bwMode="gray">
          <a:xfrm>
            <a:off x="3099461" y="-9501"/>
            <a:ext cx="6056160" cy="515798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10000"/>
              <a:gd name="connsiteX1" fmla="*/ 2078 w 10000"/>
              <a:gd name="connsiteY1" fmla="*/ 2934 h 10000"/>
              <a:gd name="connsiteX2" fmla="*/ 5000 w 10000"/>
              <a:gd name="connsiteY2" fmla="*/ 0 h 10000"/>
              <a:gd name="connsiteX3" fmla="*/ 10000 w 10000"/>
              <a:gd name="connsiteY3" fmla="*/ 5000 h 10000"/>
              <a:gd name="connsiteX4" fmla="*/ 5000 w 10000"/>
              <a:gd name="connsiteY4" fmla="*/ 10000 h 10000"/>
              <a:gd name="connsiteX5" fmla="*/ 0 w 10000"/>
              <a:gd name="connsiteY5" fmla="*/ 5000 h 10000"/>
              <a:gd name="connsiteX0" fmla="*/ 0 w 10000"/>
              <a:gd name="connsiteY0" fmla="*/ 2066 h 7066"/>
              <a:gd name="connsiteX1" fmla="*/ 2078 w 10000"/>
              <a:gd name="connsiteY1" fmla="*/ 0 h 7066"/>
              <a:gd name="connsiteX2" fmla="*/ 6120 w 10000"/>
              <a:gd name="connsiteY2" fmla="*/ 38 h 7066"/>
              <a:gd name="connsiteX3" fmla="*/ 10000 w 10000"/>
              <a:gd name="connsiteY3" fmla="*/ 2066 h 7066"/>
              <a:gd name="connsiteX4" fmla="*/ 5000 w 10000"/>
              <a:gd name="connsiteY4" fmla="*/ 7066 h 7066"/>
              <a:gd name="connsiteX5" fmla="*/ 0 w 10000"/>
              <a:gd name="connsiteY5" fmla="*/ 2066 h 7066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0 w 10000"/>
              <a:gd name="connsiteY5" fmla="*/ 2924 h 10000"/>
              <a:gd name="connsiteX0" fmla="*/ 0 w 10000"/>
              <a:gd name="connsiteY0" fmla="*/ 2924 h 10000"/>
              <a:gd name="connsiteX1" fmla="*/ 2078 w 10000"/>
              <a:gd name="connsiteY1" fmla="*/ 0 h 10000"/>
              <a:gd name="connsiteX2" fmla="*/ 6493 w 10000"/>
              <a:gd name="connsiteY2" fmla="*/ 10 h 10000"/>
              <a:gd name="connsiteX3" fmla="*/ 10000 w 10000"/>
              <a:gd name="connsiteY3" fmla="*/ 2924 h 10000"/>
              <a:gd name="connsiteX4" fmla="*/ 5000 w 10000"/>
              <a:gd name="connsiteY4" fmla="*/ 10000 h 10000"/>
              <a:gd name="connsiteX5" fmla="*/ 3431 w 10000"/>
              <a:gd name="connsiteY5" fmla="*/ 7773 h 10000"/>
              <a:gd name="connsiteX6" fmla="*/ 0 w 10000"/>
              <a:gd name="connsiteY6" fmla="*/ 2924 h 10000"/>
              <a:gd name="connsiteX0" fmla="*/ 0 w 10000"/>
              <a:gd name="connsiteY0" fmla="*/ 2924 h 7773"/>
              <a:gd name="connsiteX1" fmla="*/ 2078 w 10000"/>
              <a:gd name="connsiteY1" fmla="*/ 0 h 7773"/>
              <a:gd name="connsiteX2" fmla="*/ 6493 w 10000"/>
              <a:gd name="connsiteY2" fmla="*/ 10 h 7773"/>
              <a:gd name="connsiteX3" fmla="*/ 10000 w 10000"/>
              <a:gd name="connsiteY3" fmla="*/ 2924 h 7773"/>
              <a:gd name="connsiteX4" fmla="*/ 5731 w 10000"/>
              <a:gd name="connsiteY4" fmla="*/ 7710 h 7773"/>
              <a:gd name="connsiteX5" fmla="*/ 3431 w 10000"/>
              <a:gd name="connsiteY5" fmla="*/ 7773 h 7773"/>
              <a:gd name="connsiteX6" fmla="*/ 0 w 10000"/>
              <a:gd name="connsiteY6" fmla="*/ 2924 h 7773"/>
              <a:gd name="connsiteX0" fmla="*/ 0 w 10000"/>
              <a:gd name="connsiteY0" fmla="*/ 3762 h 10004"/>
              <a:gd name="connsiteX1" fmla="*/ 2078 w 10000"/>
              <a:gd name="connsiteY1" fmla="*/ 0 h 10004"/>
              <a:gd name="connsiteX2" fmla="*/ 6493 w 10000"/>
              <a:gd name="connsiteY2" fmla="*/ 13 h 10004"/>
              <a:gd name="connsiteX3" fmla="*/ 10000 w 10000"/>
              <a:gd name="connsiteY3" fmla="*/ 3762 h 10004"/>
              <a:gd name="connsiteX4" fmla="*/ 6509 w 10000"/>
              <a:gd name="connsiteY4" fmla="*/ 10004 h 10004"/>
              <a:gd name="connsiteX5" fmla="*/ 3431 w 10000"/>
              <a:gd name="connsiteY5" fmla="*/ 10000 h 10004"/>
              <a:gd name="connsiteX6" fmla="*/ 0 w 10000"/>
              <a:gd name="connsiteY6" fmla="*/ 3762 h 10004"/>
              <a:gd name="connsiteX0" fmla="*/ 0 w 6509"/>
              <a:gd name="connsiteY0" fmla="*/ 3762 h 10004"/>
              <a:gd name="connsiteX1" fmla="*/ 2078 w 6509"/>
              <a:gd name="connsiteY1" fmla="*/ 0 h 10004"/>
              <a:gd name="connsiteX2" fmla="*/ 6493 w 6509"/>
              <a:gd name="connsiteY2" fmla="*/ 13 h 10004"/>
              <a:gd name="connsiteX3" fmla="*/ 6509 w 6509"/>
              <a:gd name="connsiteY3" fmla="*/ 10004 h 10004"/>
              <a:gd name="connsiteX4" fmla="*/ 3431 w 6509"/>
              <a:gd name="connsiteY4" fmla="*/ 10000 h 10004"/>
              <a:gd name="connsiteX5" fmla="*/ 0 w 6509"/>
              <a:gd name="connsiteY5" fmla="*/ 3762 h 10004"/>
              <a:gd name="connsiteX0" fmla="*/ 0 w 10000"/>
              <a:gd name="connsiteY0" fmla="*/ 3762 h 10002"/>
              <a:gd name="connsiteX1" fmla="*/ 3193 w 10000"/>
              <a:gd name="connsiteY1" fmla="*/ 2 h 10002"/>
              <a:gd name="connsiteX2" fmla="*/ 9975 w 10000"/>
              <a:gd name="connsiteY2" fmla="*/ 0 h 10002"/>
              <a:gd name="connsiteX3" fmla="*/ 10000 w 10000"/>
              <a:gd name="connsiteY3" fmla="*/ 10002 h 10002"/>
              <a:gd name="connsiteX4" fmla="*/ 5271 w 10000"/>
              <a:gd name="connsiteY4" fmla="*/ 9998 h 10002"/>
              <a:gd name="connsiteX5" fmla="*/ 0 w 10000"/>
              <a:gd name="connsiteY5" fmla="*/ 3762 h 10002"/>
              <a:gd name="connsiteX0" fmla="*/ 0 w 9987"/>
              <a:gd name="connsiteY0" fmla="*/ 3762 h 10047"/>
              <a:gd name="connsiteX1" fmla="*/ 3193 w 9987"/>
              <a:gd name="connsiteY1" fmla="*/ 2 h 10047"/>
              <a:gd name="connsiteX2" fmla="*/ 9975 w 9987"/>
              <a:gd name="connsiteY2" fmla="*/ 0 h 10047"/>
              <a:gd name="connsiteX3" fmla="*/ 9987 w 9987"/>
              <a:gd name="connsiteY3" fmla="*/ 10047 h 10047"/>
              <a:gd name="connsiteX4" fmla="*/ 5271 w 9987"/>
              <a:gd name="connsiteY4" fmla="*/ 9998 h 10047"/>
              <a:gd name="connsiteX5" fmla="*/ 0 w 9987"/>
              <a:gd name="connsiteY5" fmla="*/ 3762 h 10047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66 h 10000"/>
              <a:gd name="connsiteX5" fmla="*/ 0 w 10000"/>
              <a:gd name="connsiteY5" fmla="*/ 3744 h 10000"/>
              <a:gd name="connsiteX0" fmla="*/ 0 w 10000"/>
              <a:gd name="connsiteY0" fmla="*/ 3744 h 10000"/>
              <a:gd name="connsiteX1" fmla="*/ 3197 w 10000"/>
              <a:gd name="connsiteY1" fmla="*/ 2 h 10000"/>
              <a:gd name="connsiteX2" fmla="*/ 9988 w 10000"/>
              <a:gd name="connsiteY2" fmla="*/ 0 h 10000"/>
              <a:gd name="connsiteX3" fmla="*/ 10000 w 10000"/>
              <a:gd name="connsiteY3" fmla="*/ 10000 h 10000"/>
              <a:gd name="connsiteX4" fmla="*/ 5291 w 10000"/>
              <a:gd name="connsiteY4" fmla="*/ 9996 h 10000"/>
              <a:gd name="connsiteX5" fmla="*/ 0 w 10000"/>
              <a:gd name="connsiteY5" fmla="*/ 3744 h 10000"/>
              <a:gd name="connsiteX0" fmla="*/ 0 w 10110"/>
              <a:gd name="connsiteY0" fmla="*/ 3596 h 10000"/>
              <a:gd name="connsiteX1" fmla="*/ 3307 w 10110"/>
              <a:gd name="connsiteY1" fmla="*/ 2 h 10000"/>
              <a:gd name="connsiteX2" fmla="*/ 10098 w 10110"/>
              <a:gd name="connsiteY2" fmla="*/ 0 h 10000"/>
              <a:gd name="connsiteX3" fmla="*/ 10110 w 10110"/>
              <a:gd name="connsiteY3" fmla="*/ 10000 h 10000"/>
              <a:gd name="connsiteX4" fmla="*/ 5401 w 10110"/>
              <a:gd name="connsiteY4" fmla="*/ 9996 h 10000"/>
              <a:gd name="connsiteX5" fmla="*/ 0 w 10110"/>
              <a:gd name="connsiteY5" fmla="*/ 3596 h 10000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401 w 10110"/>
              <a:gd name="connsiteY4" fmla="*/ 10012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6061 w 10110"/>
              <a:gd name="connsiteY4" fmla="*/ 9624 h 10016"/>
              <a:gd name="connsiteX5" fmla="*/ 0 w 10110"/>
              <a:gd name="connsiteY5" fmla="*/ 3612 h 10016"/>
              <a:gd name="connsiteX0" fmla="*/ 0 w 10110"/>
              <a:gd name="connsiteY0" fmla="*/ 3612 h 10016"/>
              <a:gd name="connsiteX1" fmla="*/ 3040 w 10110"/>
              <a:gd name="connsiteY1" fmla="*/ 0 h 10016"/>
              <a:gd name="connsiteX2" fmla="*/ 10098 w 10110"/>
              <a:gd name="connsiteY2" fmla="*/ 16 h 10016"/>
              <a:gd name="connsiteX3" fmla="*/ 10110 w 10110"/>
              <a:gd name="connsiteY3" fmla="*/ 10016 h 10016"/>
              <a:gd name="connsiteX4" fmla="*/ 5590 w 10110"/>
              <a:gd name="connsiteY4" fmla="*/ 9975 h 10016"/>
              <a:gd name="connsiteX5" fmla="*/ 0 w 10110"/>
              <a:gd name="connsiteY5" fmla="*/ 3612 h 10016"/>
              <a:gd name="connsiteX0" fmla="*/ 0 w 9987"/>
              <a:gd name="connsiteY0" fmla="*/ 3507 h 10016"/>
              <a:gd name="connsiteX1" fmla="*/ 2917 w 9987"/>
              <a:gd name="connsiteY1" fmla="*/ 0 h 10016"/>
              <a:gd name="connsiteX2" fmla="*/ 9975 w 9987"/>
              <a:gd name="connsiteY2" fmla="*/ 16 h 10016"/>
              <a:gd name="connsiteX3" fmla="*/ 9987 w 9987"/>
              <a:gd name="connsiteY3" fmla="*/ 10016 h 10016"/>
              <a:gd name="connsiteX4" fmla="*/ 5467 w 9987"/>
              <a:gd name="connsiteY4" fmla="*/ 9975 h 10016"/>
              <a:gd name="connsiteX5" fmla="*/ 0 w 9987"/>
              <a:gd name="connsiteY5" fmla="*/ 3507 h 10016"/>
              <a:gd name="connsiteX0" fmla="*/ 0 w 10000"/>
              <a:gd name="connsiteY0" fmla="*/ 3501 h 10000"/>
              <a:gd name="connsiteX1" fmla="*/ 2921 w 10000"/>
              <a:gd name="connsiteY1" fmla="*/ 0 h 10000"/>
              <a:gd name="connsiteX2" fmla="*/ 9988 w 10000"/>
              <a:gd name="connsiteY2" fmla="*/ 16 h 10000"/>
              <a:gd name="connsiteX3" fmla="*/ 10000 w 10000"/>
              <a:gd name="connsiteY3" fmla="*/ 10000 h 10000"/>
              <a:gd name="connsiteX4" fmla="*/ 5474 w 10000"/>
              <a:gd name="connsiteY4" fmla="*/ 9959 h 10000"/>
              <a:gd name="connsiteX5" fmla="*/ 0 w 10000"/>
              <a:gd name="connsiteY5" fmla="*/ 3501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000" h="10000">
                <a:moveTo>
                  <a:pt x="0" y="3501"/>
                </a:moveTo>
                <a:cubicBezTo>
                  <a:pt x="23" y="3463"/>
                  <a:pt x="1947" y="1167"/>
                  <a:pt x="2921" y="0"/>
                </a:cubicBezTo>
                <a:lnTo>
                  <a:pt x="9988" y="16"/>
                </a:lnTo>
                <a:cubicBezTo>
                  <a:pt x="9996" y="3324"/>
                  <a:pt x="9992" y="6692"/>
                  <a:pt x="10000" y="10000"/>
                </a:cubicBezTo>
                <a:lnTo>
                  <a:pt x="5474" y="9959"/>
                </a:lnTo>
                <a:lnTo>
                  <a:pt x="0" y="350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7" name="Graphic 16">
            <a:extLst>
              <a:ext uri="{FF2B5EF4-FFF2-40B4-BE49-F238E27FC236}">
                <a16:creationId xmlns:a16="http://schemas.microsoft.com/office/drawing/2014/main" id="{96378259-38E9-45E5-B3A5-E2A8A5A3E8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1" name="Round Diagonal Corner Rectangle 4">
            <a:extLst>
              <a:ext uri="{FF2B5EF4-FFF2-40B4-BE49-F238E27FC236}">
                <a16:creationId xmlns:a16="http://schemas.microsoft.com/office/drawing/2014/main" id="{6CC7CF4C-7ECE-4939-8EBC-3E10506D9B76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64763177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 cover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5"/>
          <p:cNvSpPr txBox="1">
            <a:spLocks/>
          </p:cNvSpPr>
          <p:nvPr userDrawn="1"/>
        </p:nvSpPr>
        <p:spPr>
          <a:xfrm>
            <a:off x="8505645" y="4778375"/>
            <a:ext cx="638355" cy="365125"/>
          </a:xfrm>
          <a:prstGeom prst="rect">
            <a:avLst/>
          </a:prstGeom>
        </p:spPr>
        <p:txBody>
          <a:bodyPr anchor="b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600" smtClean="0"/>
              <a:pPr/>
              <a:t>‹#›</a:t>
            </a:fld>
            <a:endParaRPr lang="en-GB" sz="600"/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0704F238-3359-468F-8B64-BD992440F212}"/>
              </a:ext>
            </a:extLst>
          </p:cNvPr>
          <p:cNvGrpSpPr/>
          <p:nvPr userDrawn="1"/>
        </p:nvGrpSpPr>
        <p:grpSpPr bwMode="black">
          <a:xfrm>
            <a:off x="2105025" y="2051785"/>
            <a:ext cx="4933950" cy="1039932"/>
            <a:chOff x="2910342" y="325575"/>
            <a:chExt cx="5928968" cy="1249653"/>
          </a:xfrm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AFE871AB-CF2E-4DAC-8C2D-963B97B314CA}"/>
                </a:ext>
              </a:extLst>
            </p:cNvPr>
            <p:cNvSpPr/>
            <p:nvPr/>
          </p:nvSpPr>
          <p:spPr bwMode="black">
            <a:xfrm>
              <a:off x="7911705" y="325575"/>
              <a:ext cx="275254" cy="275254"/>
            </a:xfrm>
            <a:custGeom>
              <a:avLst/>
              <a:gdLst>
                <a:gd name="connsiteX0" fmla="*/ 254610 w 275253"/>
                <a:gd name="connsiteY0" fmla="*/ 139003 h 275253"/>
                <a:gd name="connsiteX1" fmla="*/ 136251 w 275253"/>
                <a:gd name="connsiteY1" fmla="*/ 254610 h 275253"/>
                <a:gd name="connsiteX2" fmla="*/ 20644 w 275253"/>
                <a:gd name="connsiteY2" fmla="*/ 139003 h 275253"/>
                <a:gd name="connsiteX3" fmla="*/ 136251 w 275253"/>
                <a:gd name="connsiteY3" fmla="*/ 20644 h 27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253" h="275253">
                  <a:moveTo>
                    <a:pt x="254610" y="139003"/>
                  </a:moveTo>
                  <a:lnTo>
                    <a:pt x="136251" y="254610"/>
                  </a:lnTo>
                  <a:lnTo>
                    <a:pt x="20644" y="139003"/>
                  </a:lnTo>
                  <a:lnTo>
                    <a:pt x="136251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BC8C29B9-203B-435B-890E-73A70CA4C81F}"/>
                </a:ext>
              </a:extLst>
            </p:cNvPr>
            <p:cNvSpPr/>
            <p:nvPr/>
          </p:nvSpPr>
          <p:spPr bwMode="black">
            <a:xfrm>
              <a:off x="7947488" y="680652"/>
              <a:ext cx="192678" cy="633084"/>
            </a:xfrm>
            <a:custGeom>
              <a:avLst/>
              <a:gdLst>
                <a:gd name="connsiteX0" fmla="*/ 20644 w 192677"/>
                <a:gd name="connsiteY0" fmla="*/ 20644 h 633083"/>
                <a:gd name="connsiteX1" fmla="*/ 180291 w 192677"/>
                <a:gd name="connsiteY1" fmla="*/ 20644 h 633083"/>
                <a:gd name="connsiteX2" fmla="*/ 180291 w 192677"/>
                <a:gd name="connsiteY2" fmla="*/ 631708 h 633083"/>
                <a:gd name="connsiteX3" fmla="*/ 20644 w 192677"/>
                <a:gd name="connsiteY3" fmla="*/ 631708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2677" h="633083">
                  <a:moveTo>
                    <a:pt x="20644" y="20644"/>
                  </a:moveTo>
                  <a:lnTo>
                    <a:pt x="180291" y="20644"/>
                  </a:lnTo>
                  <a:lnTo>
                    <a:pt x="180291" y="631708"/>
                  </a:lnTo>
                  <a:lnTo>
                    <a:pt x="20644" y="63170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C707B5D5-B821-47CA-933A-D54DC178C7C5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19735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0D58047D-9689-487F-BFF5-02E48B2EA260}"/>
                </a:ext>
              </a:extLst>
            </p:cNvPr>
            <p:cNvSpPr/>
            <p:nvPr/>
          </p:nvSpPr>
          <p:spPr bwMode="black">
            <a:xfrm>
              <a:off x="2910342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EE19533-4B41-4903-ADFA-1430E5FA3683}"/>
                </a:ext>
              </a:extLst>
            </p:cNvPr>
            <p:cNvSpPr/>
            <p:nvPr/>
          </p:nvSpPr>
          <p:spPr bwMode="black">
            <a:xfrm>
              <a:off x="3488375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3525 w 578033"/>
                <a:gd name="connsiteY16" fmla="*/ 527111 h 660609"/>
                <a:gd name="connsiteX17" fmla="*/ 218827 w 578033"/>
                <a:gd name="connsiteY17" fmla="*/ 648223 h 660609"/>
                <a:gd name="connsiteX18" fmla="*/ 20644 w 578033"/>
                <a:gd name="connsiteY18" fmla="*/ 474813 h 660609"/>
                <a:gd name="connsiteX19" fmla="*/ 337186 w 578033"/>
                <a:gd name="connsiteY19" fmla="*/ 284888 h 660609"/>
                <a:gd name="connsiteX20" fmla="*/ 428020 w 578033"/>
                <a:gd name="connsiteY20" fmla="*/ 205064 h 660609"/>
                <a:gd name="connsiteX21" fmla="*/ 273878 w 578033"/>
                <a:gd name="connsiteY21" fmla="*/ 83952 h 660609"/>
                <a:gd name="connsiteX22" fmla="*/ 116983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3675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2" y="565647"/>
                    <a:pt x="565647" y="562894"/>
                  </a:cubicBezTo>
                  <a:lnTo>
                    <a:pt x="565647" y="623450"/>
                  </a:lnTo>
                  <a:cubicBezTo>
                    <a:pt x="549132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3525" y="527111"/>
                  </a:lnTo>
                  <a:cubicBezTo>
                    <a:pt x="383979" y="604182"/>
                    <a:pt x="331681" y="648223"/>
                    <a:pt x="218827" y="648223"/>
                  </a:cubicBezTo>
                  <a:cubicBezTo>
                    <a:pt x="111478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7186" y="284888"/>
                  </a:cubicBezTo>
                  <a:cubicBezTo>
                    <a:pt x="397742" y="279383"/>
                    <a:pt x="428020" y="271125"/>
                    <a:pt x="428020" y="205064"/>
                  </a:cubicBezTo>
                  <a:cubicBezTo>
                    <a:pt x="428020" y="108725"/>
                    <a:pt x="359206" y="83952"/>
                    <a:pt x="273878" y="83952"/>
                  </a:cubicBezTo>
                  <a:cubicBezTo>
                    <a:pt x="185796" y="83952"/>
                    <a:pt x="119735" y="125240"/>
                    <a:pt x="116983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F72D0F65-4955-4D3B-8293-898EC918883C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AC4826A8-C9E9-49D9-AF7F-E3DC7BD67BD3}"/>
                </a:ext>
              </a:extLst>
            </p:cNvPr>
            <p:cNvSpPr/>
            <p:nvPr/>
          </p:nvSpPr>
          <p:spPr bwMode="black">
            <a:xfrm>
              <a:off x="4077418" y="526510"/>
              <a:ext cx="330305" cy="798236"/>
            </a:xfrm>
            <a:custGeom>
              <a:avLst/>
              <a:gdLst>
                <a:gd name="connsiteX0" fmla="*/ 194054 w 330304"/>
                <a:gd name="connsiteY0" fmla="*/ 196807 h 798236"/>
                <a:gd name="connsiteX1" fmla="*/ 312413 w 330304"/>
                <a:gd name="connsiteY1" fmla="*/ 196807 h 798236"/>
                <a:gd name="connsiteX2" fmla="*/ 312413 w 330304"/>
                <a:gd name="connsiteY2" fmla="*/ 257362 h 798236"/>
                <a:gd name="connsiteX3" fmla="*/ 194054 w 330304"/>
                <a:gd name="connsiteY3" fmla="*/ 257362 h 798236"/>
                <a:gd name="connsiteX4" fmla="*/ 194054 w 330304"/>
                <a:gd name="connsiteY4" fmla="*/ 656480 h 798236"/>
                <a:gd name="connsiteX5" fmla="*/ 251857 w 330304"/>
                <a:gd name="connsiteY5" fmla="*/ 733552 h 798236"/>
                <a:gd name="connsiteX6" fmla="*/ 312413 w 330304"/>
                <a:gd name="connsiteY6" fmla="*/ 730799 h 798236"/>
                <a:gd name="connsiteX7" fmla="*/ 312413 w 330304"/>
                <a:gd name="connsiteY7" fmla="*/ 791355 h 798236"/>
                <a:gd name="connsiteX8" fmla="*/ 249105 w 330304"/>
                <a:gd name="connsiteY8" fmla="*/ 794107 h 798236"/>
                <a:gd name="connsiteX9" fmla="*/ 122488 w 330304"/>
                <a:gd name="connsiteY9" fmla="*/ 661986 h 798236"/>
                <a:gd name="connsiteX10" fmla="*/ 122488 w 330304"/>
                <a:gd name="connsiteY10" fmla="*/ 257362 h 798236"/>
                <a:gd name="connsiteX11" fmla="*/ 20644 w 330304"/>
                <a:gd name="connsiteY11" fmla="*/ 257362 h 798236"/>
                <a:gd name="connsiteX12" fmla="*/ 20644 w 330304"/>
                <a:gd name="connsiteY12" fmla="*/ 196807 h 798236"/>
                <a:gd name="connsiteX13" fmla="*/ 122488 w 330304"/>
                <a:gd name="connsiteY13" fmla="*/ 196807 h 798236"/>
                <a:gd name="connsiteX14" fmla="*/ 122488 w 330304"/>
                <a:gd name="connsiteY14" fmla="*/ 20644 h 798236"/>
                <a:gd name="connsiteX15" fmla="*/ 194054 w 330304"/>
                <a:gd name="connsiteY15" fmla="*/ 20644 h 798236"/>
                <a:gd name="connsiteX16" fmla="*/ 194054 w 330304"/>
                <a:gd name="connsiteY16" fmla="*/ 196807 h 79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30304" h="798236">
                  <a:moveTo>
                    <a:pt x="194054" y="196807"/>
                  </a:moveTo>
                  <a:lnTo>
                    <a:pt x="312413" y="196807"/>
                  </a:lnTo>
                  <a:lnTo>
                    <a:pt x="312413" y="257362"/>
                  </a:lnTo>
                  <a:lnTo>
                    <a:pt x="194054" y="257362"/>
                  </a:lnTo>
                  <a:lnTo>
                    <a:pt x="194054" y="656480"/>
                  </a:lnTo>
                  <a:cubicBezTo>
                    <a:pt x="194054" y="703274"/>
                    <a:pt x="202312" y="730799"/>
                    <a:pt x="251857" y="733552"/>
                  </a:cubicBezTo>
                  <a:cubicBezTo>
                    <a:pt x="271125" y="733552"/>
                    <a:pt x="293145" y="733552"/>
                    <a:pt x="312413" y="730799"/>
                  </a:cubicBezTo>
                  <a:lnTo>
                    <a:pt x="312413" y="791355"/>
                  </a:lnTo>
                  <a:cubicBezTo>
                    <a:pt x="290393" y="791355"/>
                    <a:pt x="271125" y="794107"/>
                    <a:pt x="249105" y="794107"/>
                  </a:cubicBezTo>
                  <a:cubicBezTo>
                    <a:pt x="152766" y="794107"/>
                    <a:pt x="119735" y="761077"/>
                    <a:pt x="122488" y="661986"/>
                  </a:cubicBezTo>
                  <a:lnTo>
                    <a:pt x="122488" y="257362"/>
                  </a:lnTo>
                  <a:lnTo>
                    <a:pt x="20644" y="257362"/>
                  </a:lnTo>
                  <a:lnTo>
                    <a:pt x="20644" y="196807"/>
                  </a:lnTo>
                  <a:lnTo>
                    <a:pt x="122488" y="196807"/>
                  </a:lnTo>
                  <a:lnTo>
                    <a:pt x="122488" y="20644"/>
                  </a:lnTo>
                  <a:lnTo>
                    <a:pt x="194054" y="20644"/>
                  </a:lnTo>
                  <a:lnTo>
                    <a:pt x="194054" y="19680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9CCCC674-E4E6-46F9-9914-F12E382E2222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853287"/>
            </a:xfrm>
            <a:custGeom>
              <a:avLst/>
              <a:gdLst>
                <a:gd name="connsiteX0" fmla="*/ 20644 w 110101"/>
                <a:gd name="connsiteY0" fmla="*/ 246352 h 853286"/>
                <a:gd name="connsiteX1" fmla="*/ 92210 w 110101"/>
                <a:gd name="connsiteY1" fmla="*/ 246352 h 853286"/>
                <a:gd name="connsiteX2" fmla="*/ 92210 w 110101"/>
                <a:gd name="connsiteY2" fmla="*/ 835395 h 853286"/>
                <a:gd name="connsiteX3" fmla="*/ 20644 w 110101"/>
                <a:gd name="connsiteY3" fmla="*/ 835395 h 853286"/>
                <a:gd name="connsiteX4" fmla="*/ 20644 w 110101"/>
                <a:gd name="connsiteY4" fmla="*/ 246352 h 853286"/>
                <a:gd name="connsiteX5" fmla="*/ 20644 w 110101"/>
                <a:gd name="connsiteY5" fmla="*/ 20644 h 853286"/>
                <a:gd name="connsiteX6" fmla="*/ 92210 w 110101"/>
                <a:gd name="connsiteY6" fmla="*/ 20644 h 853286"/>
                <a:gd name="connsiteX7" fmla="*/ 92210 w 110101"/>
                <a:gd name="connsiteY7" fmla="*/ 136251 h 853286"/>
                <a:gd name="connsiteX8" fmla="*/ 20644 w 110101"/>
                <a:gd name="connsiteY8" fmla="*/ 136251 h 853286"/>
                <a:gd name="connsiteX9" fmla="*/ 20644 w 110101"/>
                <a:gd name="connsiteY9" fmla="*/ 20644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101" h="853286">
                  <a:moveTo>
                    <a:pt x="20644" y="246352"/>
                  </a:moveTo>
                  <a:lnTo>
                    <a:pt x="92210" y="246352"/>
                  </a:lnTo>
                  <a:lnTo>
                    <a:pt x="92210" y="835395"/>
                  </a:lnTo>
                  <a:lnTo>
                    <a:pt x="20644" y="835395"/>
                  </a:lnTo>
                  <a:lnTo>
                    <a:pt x="20644" y="246352"/>
                  </a:lnTo>
                  <a:close/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lnTo>
                    <a:pt x="20644" y="20644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53A8048-4F2C-4389-90D8-AD6670C2E937}"/>
                </a:ext>
              </a:extLst>
            </p:cNvPr>
            <p:cNvSpPr/>
            <p:nvPr/>
          </p:nvSpPr>
          <p:spPr bwMode="black">
            <a:xfrm>
              <a:off x="4501309" y="702673"/>
              <a:ext cx="110102" cy="605559"/>
            </a:xfrm>
            <a:custGeom>
              <a:avLst/>
              <a:gdLst>
                <a:gd name="connsiteX0" fmla="*/ 20644 w 110101"/>
                <a:gd name="connsiteY0" fmla="*/ 20644 h 605558"/>
                <a:gd name="connsiteX1" fmla="*/ 92210 w 110101"/>
                <a:gd name="connsiteY1" fmla="*/ 20644 h 605558"/>
                <a:gd name="connsiteX2" fmla="*/ 92210 w 110101"/>
                <a:gd name="connsiteY2" fmla="*/ 609687 h 605558"/>
                <a:gd name="connsiteX3" fmla="*/ 20644 w 110101"/>
                <a:gd name="connsiteY3" fmla="*/ 609687 h 605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605558">
                  <a:moveTo>
                    <a:pt x="20644" y="20644"/>
                  </a:moveTo>
                  <a:lnTo>
                    <a:pt x="92210" y="20644"/>
                  </a:lnTo>
                  <a:lnTo>
                    <a:pt x="92210" y="609687"/>
                  </a:lnTo>
                  <a:lnTo>
                    <a:pt x="20644" y="609687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91191415-0ECC-4572-B26D-B095FEB85F29}"/>
                </a:ext>
              </a:extLst>
            </p:cNvPr>
            <p:cNvSpPr/>
            <p:nvPr/>
          </p:nvSpPr>
          <p:spPr bwMode="black">
            <a:xfrm>
              <a:off x="4501309" y="476965"/>
              <a:ext cx="110102" cy="137627"/>
            </a:xfrm>
            <a:custGeom>
              <a:avLst/>
              <a:gdLst>
                <a:gd name="connsiteX0" fmla="*/ 20644 w 110101"/>
                <a:gd name="connsiteY0" fmla="*/ 20644 h 137626"/>
                <a:gd name="connsiteX1" fmla="*/ 92210 w 110101"/>
                <a:gd name="connsiteY1" fmla="*/ 20644 h 137626"/>
                <a:gd name="connsiteX2" fmla="*/ 92210 w 110101"/>
                <a:gd name="connsiteY2" fmla="*/ 136251 h 137626"/>
                <a:gd name="connsiteX3" fmla="*/ 20644 w 110101"/>
                <a:gd name="connsiteY3" fmla="*/ 136251 h 137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13762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136251"/>
                  </a:lnTo>
                  <a:lnTo>
                    <a:pt x="20644" y="13625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AACB428A-70CC-49C9-9815-49643EC9A0FD}"/>
                </a:ext>
              </a:extLst>
            </p:cNvPr>
            <p:cNvSpPr/>
            <p:nvPr/>
          </p:nvSpPr>
          <p:spPr bwMode="black">
            <a:xfrm>
              <a:off x="4680224" y="686158"/>
              <a:ext cx="578033" cy="660609"/>
            </a:xfrm>
            <a:custGeom>
              <a:avLst/>
              <a:gdLst>
                <a:gd name="connsiteX0" fmla="*/ 92210 w 578033"/>
                <a:gd name="connsiteY0" fmla="*/ 331681 h 660609"/>
                <a:gd name="connsiteX1" fmla="*/ 298650 w 578033"/>
                <a:gd name="connsiteY1" fmla="*/ 582162 h 660609"/>
                <a:gd name="connsiteX2" fmla="*/ 505091 w 578033"/>
                <a:gd name="connsiteY2" fmla="*/ 331681 h 660609"/>
                <a:gd name="connsiteX3" fmla="*/ 298650 w 578033"/>
                <a:gd name="connsiteY3" fmla="*/ 81200 h 660609"/>
                <a:gd name="connsiteX4" fmla="*/ 92210 w 578033"/>
                <a:gd name="connsiteY4" fmla="*/ 331681 h 660609"/>
                <a:gd name="connsiteX5" fmla="*/ 576657 w 578033"/>
                <a:gd name="connsiteY5" fmla="*/ 331681 h 660609"/>
                <a:gd name="connsiteX6" fmla="*/ 298650 w 578033"/>
                <a:gd name="connsiteY6" fmla="*/ 642718 h 660609"/>
                <a:gd name="connsiteX7" fmla="*/ 20644 w 578033"/>
                <a:gd name="connsiteY7" fmla="*/ 331681 h 660609"/>
                <a:gd name="connsiteX8" fmla="*/ 298650 w 578033"/>
                <a:gd name="connsiteY8" fmla="*/ 20644 h 660609"/>
                <a:gd name="connsiteX9" fmla="*/ 576657 w 578033"/>
                <a:gd name="connsiteY9" fmla="*/ 331681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78033" h="660609">
                  <a:moveTo>
                    <a:pt x="92210" y="331681"/>
                  </a:moveTo>
                  <a:cubicBezTo>
                    <a:pt x="92210" y="458298"/>
                    <a:pt x="161023" y="582162"/>
                    <a:pt x="298650" y="582162"/>
                  </a:cubicBezTo>
                  <a:cubicBezTo>
                    <a:pt x="436277" y="582162"/>
                    <a:pt x="505091" y="455545"/>
                    <a:pt x="505091" y="331681"/>
                  </a:cubicBezTo>
                  <a:cubicBezTo>
                    <a:pt x="505091" y="205064"/>
                    <a:pt x="436277" y="81200"/>
                    <a:pt x="298650" y="81200"/>
                  </a:cubicBezTo>
                  <a:cubicBezTo>
                    <a:pt x="161023" y="81200"/>
                    <a:pt x="92210" y="205064"/>
                    <a:pt x="92210" y="331681"/>
                  </a:cubicBezTo>
                  <a:moveTo>
                    <a:pt x="576657" y="331681"/>
                  </a:moveTo>
                  <a:cubicBezTo>
                    <a:pt x="576657" y="499586"/>
                    <a:pt x="477565" y="642718"/>
                    <a:pt x="298650" y="642718"/>
                  </a:cubicBezTo>
                  <a:cubicBezTo>
                    <a:pt x="119735" y="642718"/>
                    <a:pt x="20644" y="499586"/>
                    <a:pt x="20644" y="331681"/>
                  </a:cubicBezTo>
                  <a:cubicBezTo>
                    <a:pt x="20644" y="163776"/>
                    <a:pt x="119735" y="20644"/>
                    <a:pt x="298650" y="20644"/>
                  </a:cubicBezTo>
                  <a:cubicBezTo>
                    <a:pt x="477565" y="20644"/>
                    <a:pt x="576657" y="163776"/>
                    <a:pt x="576657" y="331681"/>
                  </a:cubicBezTo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3861F017-D2F7-4800-923F-F093966A464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2135 h 633083"/>
                <a:gd name="connsiteX11" fmla="*/ 92210 w 495456"/>
                <a:gd name="connsiteY11" fmla="*/ 626203 h 633083"/>
                <a:gd name="connsiteX12" fmla="*/ 20644 w 495456"/>
                <a:gd name="connsiteY12" fmla="*/ 626203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2135"/>
                  </a:cubicBezTo>
                  <a:lnTo>
                    <a:pt x="92210" y="626203"/>
                  </a:lnTo>
                  <a:lnTo>
                    <a:pt x="20644" y="626203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EC217B49-70CC-4D78-AED0-18A9A28B3500}"/>
                </a:ext>
              </a:extLst>
            </p:cNvPr>
            <p:cNvSpPr/>
            <p:nvPr/>
          </p:nvSpPr>
          <p:spPr bwMode="black">
            <a:xfrm>
              <a:off x="5340834" y="686158"/>
              <a:ext cx="495457" cy="633084"/>
            </a:xfrm>
            <a:custGeom>
              <a:avLst/>
              <a:gdLst>
                <a:gd name="connsiteX0" fmla="*/ 20644 w 495456"/>
                <a:gd name="connsiteY0" fmla="*/ 37159 h 633083"/>
                <a:gd name="connsiteX1" fmla="*/ 92210 w 495456"/>
                <a:gd name="connsiteY1" fmla="*/ 37159 h 633083"/>
                <a:gd name="connsiteX2" fmla="*/ 92210 w 495456"/>
                <a:gd name="connsiteY2" fmla="*/ 139003 h 633083"/>
                <a:gd name="connsiteX3" fmla="*/ 94963 w 495456"/>
                <a:gd name="connsiteY3" fmla="*/ 139003 h 633083"/>
                <a:gd name="connsiteX4" fmla="*/ 282135 w 495456"/>
                <a:gd name="connsiteY4" fmla="*/ 20644 h 633083"/>
                <a:gd name="connsiteX5" fmla="*/ 496833 w 495456"/>
                <a:gd name="connsiteY5" fmla="*/ 249105 h 633083"/>
                <a:gd name="connsiteX6" fmla="*/ 496833 w 495456"/>
                <a:gd name="connsiteY6" fmla="*/ 628955 h 633083"/>
                <a:gd name="connsiteX7" fmla="*/ 425267 w 495456"/>
                <a:gd name="connsiteY7" fmla="*/ 628955 h 633083"/>
                <a:gd name="connsiteX8" fmla="*/ 425267 w 495456"/>
                <a:gd name="connsiteY8" fmla="*/ 260115 h 633083"/>
                <a:gd name="connsiteX9" fmla="*/ 276630 w 495456"/>
                <a:gd name="connsiteY9" fmla="*/ 81200 h 633083"/>
                <a:gd name="connsiteX10" fmla="*/ 92210 w 495456"/>
                <a:gd name="connsiteY10" fmla="*/ 284888 h 633083"/>
                <a:gd name="connsiteX11" fmla="*/ 92210 w 495456"/>
                <a:gd name="connsiteY11" fmla="*/ 628955 h 633083"/>
                <a:gd name="connsiteX12" fmla="*/ 20644 w 495456"/>
                <a:gd name="connsiteY12" fmla="*/ 628955 h 633083"/>
                <a:gd name="connsiteX13" fmla="*/ 20644 w 495456"/>
                <a:gd name="connsiteY13" fmla="*/ 37159 h 6330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95456" h="633083">
                  <a:moveTo>
                    <a:pt x="20644" y="37159"/>
                  </a:moveTo>
                  <a:lnTo>
                    <a:pt x="92210" y="37159"/>
                  </a:lnTo>
                  <a:lnTo>
                    <a:pt x="92210" y="139003"/>
                  </a:lnTo>
                  <a:lnTo>
                    <a:pt x="94963" y="139003"/>
                  </a:lnTo>
                  <a:cubicBezTo>
                    <a:pt x="122488" y="67437"/>
                    <a:pt x="199559" y="20644"/>
                    <a:pt x="282135" y="20644"/>
                  </a:cubicBezTo>
                  <a:cubicBezTo>
                    <a:pt x="447288" y="20644"/>
                    <a:pt x="496833" y="108725"/>
                    <a:pt x="496833" y="249105"/>
                  </a:cubicBezTo>
                  <a:lnTo>
                    <a:pt x="496833" y="628955"/>
                  </a:lnTo>
                  <a:lnTo>
                    <a:pt x="425267" y="628955"/>
                  </a:lnTo>
                  <a:lnTo>
                    <a:pt x="425267" y="260115"/>
                  </a:lnTo>
                  <a:cubicBezTo>
                    <a:pt x="425267" y="158271"/>
                    <a:pt x="392237" y="81200"/>
                    <a:pt x="276630" y="81200"/>
                  </a:cubicBezTo>
                  <a:cubicBezTo>
                    <a:pt x="163776" y="81200"/>
                    <a:pt x="94963" y="169281"/>
                    <a:pt x="92210" y="284888"/>
                  </a:cubicBezTo>
                  <a:lnTo>
                    <a:pt x="92210" y="628955"/>
                  </a:lnTo>
                  <a:lnTo>
                    <a:pt x="20644" y="628955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021449B-89FF-4452-B2AC-A01CC925A3F6}"/>
                </a:ext>
              </a:extLst>
            </p:cNvPr>
            <p:cNvSpPr/>
            <p:nvPr/>
          </p:nvSpPr>
          <p:spPr bwMode="black">
            <a:xfrm>
              <a:off x="5918867" y="686158"/>
              <a:ext cx="578033" cy="660609"/>
            </a:xfrm>
            <a:custGeom>
              <a:avLst/>
              <a:gdLst>
                <a:gd name="connsiteX0" fmla="*/ 430772 w 578033"/>
                <a:gd name="connsiteY0" fmla="*/ 304156 h 660609"/>
                <a:gd name="connsiteX1" fmla="*/ 430772 w 578033"/>
                <a:gd name="connsiteY1" fmla="*/ 304156 h 660609"/>
                <a:gd name="connsiteX2" fmla="*/ 367464 w 578033"/>
                <a:gd name="connsiteY2" fmla="*/ 331681 h 660609"/>
                <a:gd name="connsiteX3" fmla="*/ 94963 w 578033"/>
                <a:gd name="connsiteY3" fmla="*/ 466555 h 660609"/>
                <a:gd name="connsiteX4" fmla="*/ 227084 w 578033"/>
                <a:gd name="connsiteY4" fmla="*/ 582162 h 660609"/>
                <a:gd name="connsiteX5" fmla="*/ 430772 w 578033"/>
                <a:gd name="connsiteY5" fmla="*/ 397742 h 660609"/>
                <a:gd name="connsiteX6" fmla="*/ 430772 w 578033"/>
                <a:gd name="connsiteY6" fmla="*/ 304156 h 660609"/>
                <a:gd name="connsiteX7" fmla="*/ 48169 w 578033"/>
                <a:gd name="connsiteY7" fmla="*/ 218827 h 660609"/>
                <a:gd name="connsiteX8" fmla="*/ 284888 w 578033"/>
                <a:gd name="connsiteY8" fmla="*/ 20644 h 660609"/>
                <a:gd name="connsiteX9" fmla="*/ 502338 w 578033"/>
                <a:gd name="connsiteY9" fmla="*/ 210569 h 660609"/>
                <a:gd name="connsiteX10" fmla="*/ 502338 w 578033"/>
                <a:gd name="connsiteY10" fmla="*/ 524359 h 660609"/>
                <a:gd name="connsiteX11" fmla="*/ 543626 w 578033"/>
                <a:gd name="connsiteY11" fmla="*/ 568399 h 660609"/>
                <a:gd name="connsiteX12" fmla="*/ 565647 w 578033"/>
                <a:gd name="connsiteY12" fmla="*/ 562894 h 660609"/>
                <a:gd name="connsiteX13" fmla="*/ 565647 w 578033"/>
                <a:gd name="connsiteY13" fmla="*/ 623450 h 660609"/>
                <a:gd name="connsiteX14" fmla="*/ 518854 w 578033"/>
                <a:gd name="connsiteY14" fmla="*/ 628955 h 660609"/>
                <a:gd name="connsiteX15" fmla="*/ 433525 w 578033"/>
                <a:gd name="connsiteY15" fmla="*/ 527111 h 660609"/>
                <a:gd name="connsiteX16" fmla="*/ 430772 w 578033"/>
                <a:gd name="connsiteY16" fmla="*/ 527111 h 660609"/>
                <a:gd name="connsiteX17" fmla="*/ 216074 w 578033"/>
                <a:gd name="connsiteY17" fmla="*/ 648223 h 660609"/>
                <a:gd name="connsiteX18" fmla="*/ 20644 w 578033"/>
                <a:gd name="connsiteY18" fmla="*/ 474813 h 660609"/>
                <a:gd name="connsiteX19" fmla="*/ 334433 w 578033"/>
                <a:gd name="connsiteY19" fmla="*/ 284888 h 660609"/>
                <a:gd name="connsiteX20" fmla="*/ 425267 w 578033"/>
                <a:gd name="connsiteY20" fmla="*/ 205064 h 660609"/>
                <a:gd name="connsiteX21" fmla="*/ 271125 w 578033"/>
                <a:gd name="connsiteY21" fmla="*/ 83952 h 660609"/>
                <a:gd name="connsiteX22" fmla="*/ 114230 w 578033"/>
                <a:gd name="connsiteY22" fmla="*/ 221579 h 660609"/>
                <a:gd name="connsiteX23" fmla="*/ 48169 w 578033"/>
                <a:gd name="connsiteY23" fmla="*/ 22157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78033" h="660609">
                  <a:moveTo>
                    <a:pt x="430772" y="304156"/>
                  </a:moveTo>
                  <a:lnTo>
                    <a:pt x="430772" y="304156"/>
                  </a:lnTo>
                  <a:cubicBezTo>
                    <a:pt x="419762" y="320671"/>
                    <a:pt x="386732" y="326176"/>
                    <a:pt x="367464" y="331681"/>
                  </a:cubicBezTo>
                  <a:cubicBezTo>
                    <a:pt x="246352" y="353701"/>
                    <a:pt x="94963" y="350949"/>
                    <a:pt x="94963" y="466555"/>
                  </a:cubicBezTo>
                  <a:cubicBezTo>
                    <a:pt x="94963" y="538121"/>
                    <a:pt x="158271" y="582162"/>
                    <a:pt x="227084" y="582162"/>
                  </a:cubicBezTo>
                  <a:cubicBezTo>
                    <a:pt x="337186" y="582162"/>
                    <a:pt x="433525" y="513348"/>
                    <a:pt x="430772" y="397742"/>
                  </a:cubicBezTo>
                  <a:lnTo>
                    <a:pt x="430772" y="304156"/>
                  </a:lnTo>
                  <a:close/>
                  <a:moveTo>
                    <a:pt x="48169" y="218827"/>
                  </a:moveTo>
                  <a:cubicBezTo>
                    <a:pt x="56427" y="81200"/>
                    <a:pt x="152766" y="20644"/>
                    <a:pt x="284888" y="20644"/>
                  </a:cubicBezTo>
                  <a:cubicBezTo>
                    <a:pt x="389484" y="20644"/>
                    <a:pt x="502338" y="53675"/>
                    <a:pt x="502338" y="210569"/>
                  </a:cubicBezTo>
                  <a:lnTo>
                    <a:pt x="502338" y="524359"/>
                  </a:lnTo>
                  <a:cubicBezTo>
                    <a:pt x="502338" y="551884"/>
                    <a:pt x="516101" y="568399"/>
                    <a:pt x="543626" y="568399"/>
                  </a:cubicBezTo>
                  <a:cubicBezTo>
                    <a:pt x="551884" y="568399"/>
                    <a:pt x="560141" y="565647"/>
                    <a:pt x="565647" y="562894"/>
                  </a:cubicBezTo>
                  <a:lnTo>
                    <a:pt x="565647" y="623450"/>
                  </a:lnTo>
                  <a:cubicBezTo>
                    <a:pt x="549131" y="626203"/>
                    <a:pt x="538121" y="628955"/>
                    <a:pt x="518854" y="628955"/>
                  </a:cubicBezTo>
                  <a:cubicBezTo>
                    <a:pt x="447288" y="628955"/>
                    <a:pt x="433525" y="587667"/>
                    <a:pt x="433525" y="527111"/>
                  </a:cubicBezTo>
                  <a:lnTo>
                    <a:pt x="430772" y="527111"/>
                  </a:lnTo>
                  <a:cubicBezTo>
                    <a:pt x="381227" y="604182"/>
                    <a:pt x="328928" y="648223"/>
                    <a:pt x="216074" y="648223"/>
                  </a:cubicBezTo>
                  <a:cubicBezTo>
                    <a:pt x="108725" y="648223"/>
                    <a:pt x="20644" y="593172"/>
                    <a:pt x="20644" y="474813"/>
                  </a:cubicBezTo>
                  <a:cubicBezTo>
                    <a:pt x="20644" y="309661"/>
                    <a:pt x="180291" y="304156"/>
                    <a:pt x="334433" y="284888"/>
                  </a:cubicBezTo>
                  <a:cubicBezTo>
                    <a:pt x="392237" y="279383"/>
                    <a:pt x="425267" y="271125"/>
                    <a:pt x="425267" y="205064"/>
                  </a:cubicBezTo>
                  <a:cubicBezTo>
                    <a:pt x="425267" y="108725"/>
                    <a:pt x="356454" y="83952"/>
                    <a:pt x="271125" y="83952"/>
                  </a:cubicBezTo>
                  <a:cubicBezTo>
                    <a:pt x="183044" y="83952"/>
                    <a:pt x="116983" y="125240"/>
                    <a:pt x="114230" y="221579"/>
                  </a:cubicBezTo>
                  <a:lnTo>
                    <a:pt x="48169" y="22157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A63DE190-5910-4A04-8831-912E7B4D07E0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C513A30-DC41-4B70-B474-B7F9882045F1}"/>
                </a:ext>
              </a:extLst>
            </p:cNvPr>
            <p:cNvSpPr/>
            <p:nvPr/>
          </p:nvSpPr>
          <p:spPr bwMode="black">
            <a:xfrm>
              <a:off x="6582229" y="476965"/>
              <a:ext cx="110102" cy="853287"/>
            </a:xfrm>
            <a:custGeom>
              <a:avLst/>
              <a:gdLst>
                <a:gd name="connsiteX0" fmla="*/ 20644 w 110101"/>
                <a:gd name="connsiteY0" fmla="*/ 20644 h 853286"/>
                <a:gd name="connsiteX1" fmla="*/ 92210 w 110101"/>
                <a:gd name="connsiteY1" fmla="*/ 20644 h 853286"/>
                <a:gd name="connsiteX2" fmla="*/ 92210 w 110101"/>
                <a:gd name="connsiteY2" fmla="*/ 838148 h 853286"/>
                <a:gd name="connsiteX3" fmla="*/ 20644 w 110101"/>
                <a:gd name="connsiteY3" fmla="*/ 838148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0101" h="853286">
                  <a:moveTo>
                    <a:pt x="20644" y="20644"/>
                  </a:moveTo>
                  <a:lnTo>
                    <a:pt x="92210" y="20644"/>
                  </a:lnTo>
                  <a:lnTo>
                    <a:pt x="92210" y="838148"/>
                  </a:lnTo>
                  <a:lnTo>
                    <a:pt x="20644" y="838148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04BE96A6-616D-4E71-8D2F-943A0D187F8C}"/>
                </a:ext>
              </a:extLst>
            </p:cNvPr>
            <p:cNvSpPr/>
            <p:nvPr/>
          </p:nvSpPr>
          <p:spPr bwMode="black">
            <a:xfrm>
              <a:off x="6766649" y="666890"/>
              <a:ext cx="605559" cy="908338"/>
            </a:xfrm>
            <a:custGeom>
              <a:avLst/>
              <a:gdLst>
                <a:gd name="connsiteX0" fmla="*/ 312413 w 605558"/>
                <a:gd name="connsiteY0" fmla="*/ 516101 h 908337"/>
                <a:gd name="connsiteX1" fmla="*/ 447288 w 605558"/>
                <a:gd name="connsiteY1" fmla="*/ 339939 h 908337"/>
                <a:gd name="connsiteX2" fmla="*/ 309661 w 605558"/>
                <a:gd name="connsiteY2" fmla="*/ 161024 h 908337"/>
                <a:gd name="connsiteX3" fmla="*/ 185796 w 605558"/>
                <a:gd name="connsiteY3" fmla="*/ 345444 h 908337"/>
                <a:gd name="connsiteX4" fmla="*/ 312413 w 605558"/>
                <a:gd name="connsiteY4" fmla="*/ 516101 h 908337"/>
                <a:gd name="connsiteX5" fmla="*/ 604182 w 605558"/>
                <a:gd name="connsiteY5" fmla="*/ 37159 h 908337"/>
                <a:gd name="connsiteX6" fmla="*/ 604182 w 605558"/>
                <a:gd name="connsiteY6" fmla="*/ 615192 h 908337"/>
                <a:gd name="connsiteX7" fmla="*/ 298650 w 605558"/>
                <a:gd name="connsiteY7" fmla="*/ 895951 h 908337"/>
                <a:gd name="connsiteX8" fmla="*/ 34407 w 605558"/>
                <a:gd name="connsiteY8" fmla="*/ 714284 h 908337"/>
                <a:gd name="connsiteX9" fmla="*/ 207816 w 605558"/>
                <a:gd name="connsiteY9" fmla="*/ 714284 h 908337"/>
                <a:gd name="connsiteX10" fmla="*/ 320671 w 605558"/>
                <a:gd name="connsiteY10" fmla="*/ 774840 h 908337"/>
                <a:gd name="connsiteX11" fmla="*/ 447288 w 605558"/>
                <a:gd name="connsiteY11" fmla="*/ 634460 h 908337"/>
                <a:gd name="connsiteX12" fmla="*/ 447288 w 605558"/>
                <a:gd name="connsiteY12" fmla="*/ 560142 h 908337"/>
                <a:gd name="connsiteX13" fmla="*/ 444535 w 605558"/>
                <a:gd name="connsiteY13" fmla="*/ 557389 h 908337"/>
                <a:gd name="connsiteX14" fmla="*/ 282135 w 605558"/>
                <a:gd name="connsiteY14" fmla="*/ 648223 h 908337"/>
                <a:gd name="connsiteX15" fmla="*/ 20644 w 605558"/>
                <a:gd name="connsiteY15" fmla="*/ 334433 h 908337"/>
                <a:gd name="connsiteX16" fmla="*/ 271125 w 605558"/>
                <a:gd name="connsiteY16" fmla="*/ 20644 h 908337"/>
                <a:gd name="connsiteX17" fmla="*/ 447288 w 605558"/>
                <a:gd name="connsiteY17" fmla="*/ 127993 h 908337"/>
                <a:gd name="connsiteX18" fmla="*/ 450040 w 605558"/>
                <a:gd name="connsiteY18" fmla="*/ 127993 h 908337"/>
                <a:gd name="connsiteX19" fmla="*/ 450040 w 605558"/>
                <a:gd name="connsiteY19" fmla="*/ 37159 h 908337"/>
                <a:gd name="connsiteX20" fmla="*/ 604182 w 605558"/>
                <a:gd name="connsiteY20" fmla="*/ 37159 h 908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05558" h="908337">
                  <a:moveTo>
                    <a:pt x="312413" y="516101"/>
                  </a:moveTo>
                  <a:cubicBezTo>
                    <a:pt x="419762" y="516101"/>
                    <a:pt x="447288" y="422515"/>
                    <a:pt x="447288" y="339939"/>
                  </a:cubicBezTo>
                  <a:cubicBezTo>
                    <a:pt x="447288" y="240847"/>
                    <a:pt x="400494" y="161024"/>
                    <a:pt x="309661" y="161024"/>
                  </a:cubicBezTo>
                  <a:cubicBezTo>
                    <a:pt x="251857" y="161024"/>
                    <a:pt x="185796" y="205064"/>
                    <a:pt x="185796" y="345444"/>
                  </a:cubicBezTo>
                  <a:cubicBezTo>
                    <a:pt x="185796" y="422515"/>
                    <a:pt x="216074" y="516101"/>
                    <a:pt x="312413" y="516101"/>
                  </a:cubicBezTo>
                  <a:moveTo>
                    <a:pt x="604182" y="37159"/>
                  </a:moveTo>
                  <a:lnTo>
                    <a:pt x="604182" y="615192"/>
                  </a:lnTo>
                  <a:cubicBezTo>
                    <a:pt x="604182" y="719789"/>
                    <a:pt x="595925" y="895951"/>
                    <a:pt x="298650" y="895951"/>
                  </a:cubicBezTo>
                  <a:cubicBezTo>
                    <a:pt x="174786" y="895951"/>
                    <a:pt x="42664" y="840901"/>
                    <a:pt x="34407" y="714284"/>
                  </a:cubicBezTo>
                  <a:lnTo>
                    <a:pt x="207816" y="714284"/>
                  </a:lnTo>
                  <a:cubicBezTo>
                    <a:pt x="216074" y="744562"/>
                    <a:pt x="227084" y="774840"/>
                    <a:pt x="320671" y="774840"/>
                  </a:cubicBezTo>
                  <a:cubicBezTo>
                    <a:pt x="405999" y="774840"/>
                    <a:pt x="447288" y="733552"/>
                    <a:pt x="447288" y="634460"/>
                  </a:cubicBezTo>
                  <a:lnTo>
                    <a:pt x="447288" y="560142"/>
                  </a:lnTo>
                  <a:lnTo>
                    <a:pt x="444535" y="557389"/>
                  </a:lnTo>
                  <a:cubicBezTo>
                    <a:pt x="419762" y="604182"/>
                    <a:pt x="378474" y="648223"/>
                    <a:pt x="282135" y="648223"/>
                  </a:cubicBezTo>
                  <a:cubicBezTo>
                    <a:pt x="136251" y="648223"/>
                    <a:pt x="20644" y="546379"/>
                    <a:pt x="20644" y="334433"/>
                  </a:cubicBezTo>
                  <a:cubicBezTo>
                    <a:pt x="20644" y="125241"/>
                    <a:pt x="139003" y="20644"/>
                    <a:pt x="271125" y="20644"/>
                  </a:cubicBezTo>
                  <a:cubicBezTo>
                    <a:pt x="383979" y="20644"/>
                    <a:pt x="428019" y="86705"/>
                    <a:pt x="447288" y="127993"/>
                  </a:cubicBezTo>
                  <a:lnTo>
                    <a:pt x="450040" y="127993"/>
                  </a:lnTo>
                  <a:lnTo>
                    <a:pt x="450040" y="37159"/>
                  </a:lnTo>
                  <a:lnTo>
                    <a:pt x="604182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FC6CE4B4-072A-4577-874A-81871C055E54}"/>
                </a:ext>
              </a:extLst>
            </p:cNvPr>
            <p:cNvSpPr/>
            <p:nvPr/>
          </p:nvSpPr>
          <p:spPr bwMode="black">
            <a:xfrm>
              <a:off x="7485061" y="666890"/>
              <a:ext cx="385355" cy="660609"/>
            </a:xfrm>
            <a:custGeom>
              <a:avLst/>
              <a:gdLst>
                <a:gd name="connsiteX0" fmla="*/ 23397 w 385355"/>
                <a:gd name="connsiteY0" fmla="*/ 37159 h 660609"/>
                <a:gd name="connsiteX1" fmla="*/ 174786 w 385355"/>
                <a:gd name="connsiteY1" fmla="*/ 37159 h 660609"/>
                <a:gd name="connsiteX2" fmla="*/ 174786 w 385355"/>
                <a:gd name="connsiteY2" fmla="*/ 141756 h 660609"/>
                <a:gd name="connsiteX3" fmla="*/ 177539 w 385355"/>
                <a:gd name="connsiteY3" fmla="*/ 141756 h 660609"/>
                <a:gd name="connsiteX4" fmla="*/ 342691 w 385355"/>
                <a:gd name="connsiteY4" fmla="*/ 20644 h 660609"/>
                <a:gd name="connsiteX5" fmla="*/ 372969 w 385355"/>
                <a:gd name="connsiteY5" fmla="*/ 23397 h 660609"/>
                <a:gd name="connsiteX6" fmla="*/ 372969 w 385355"/>
                <a:gd name="connsiteY6" fmla="*/ 185796 h 660609"/>
                <a:gd name="connsiteX7" fmla="*/ 326176 w 385355"/>
                <a:gd name="connsiteY7" fmla="*/ 183044 h 660609"/>
                <a:gd name="connsiteX8" fmla="*/ 180291 w 385355"/>
                <a:gd name="connsiteY8" fmla="*/ 328928 h 660609"/>
                <a:gd name="connsiteX9" fmla="*/ 180291 w 385355"/>
                <a:gd name="connsiteY9" fmla="*/ 645470 h 660609"/>
                <a:gd name="connsiteX10" fmla="*/ 20644 w 385355"/>
                <a:gd name="connsiteY10" fmla="*/ 645470 h 660609"/>
                <a:gd name="connsiteX11" fmla="*/ 20644 w 385355"/>
                <a:gd name="connsiteY11" fmla="*/ 37159 h 660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85355" h="660609">
                  <a:moveTo>
                    <a:pt x="23397" y="37159"/>
                  </a:moveTo>
                  <a:lnTo>
                    <a:pt x="174786" y="37159"/>
                  </a:lnTo>
                  <a:lnTo>
                    <a:pt x="174786" y="141756"/>
                  </a:lnTo>
                  <a:lnTo>
                    <a:pt x="177539" y="141756"/>
                  </a:lnTo>
                  <a:cubicBezTo>
                    <a:pt x="210569" y="81200"/>
                    <a:pt x="246352" y="20644"/>
                    <a:pt x="342691" y="20644"/>
                  </a:cubicBezTo>
                  <a:cubicBezTo>
                    <a:pt x="353701" y="20644"/>
                    <a:pt x="361959" y="20644"/>
                    <a:pt x="372969" y="23397"/>
                  </a:cubicBezTo>
                  <a:lnTo>
                    <a:pt x="372969" y="185796"/>
                  </a:lnTo>
                  <a:cubicBezTo>
                    <a:pt x="359206" y="183044"/>
                    <a:pt x="342691" y="183044"/>
                    <a:pt x="326176" y="183044"/>
                  </a:cubicBezTo>
                  <a:cubicBezTo>
                    <a:pt x="202312" y="183044"/>
                    <a:pt x="180291" y="260115"/>
                    <a:pt x="180291" y="328928"/>
                  </a:cubicBezTo>
                  <a:lnTo>
                    <a:pt x="180291" y="645470"/>
                  </a:lnTo>
                  <a:lnTo>
                    <a:pt x="20644" y="645470"/>
                  </a:lnTo>
                  <a:lnTo>
                    <a:pt x="20644" y="37159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CC62C249-90CE-45DC-8B3D-A3EF2B7862C4}"/>
                </a:ext>
              </a:extLst>
            </p:cNvPr>
            <p:cNvSpPr/>
            <p:nvPr/>
          </p:nvSpPr>
          <p:spPr bwMode="black">
            <a:xfrm>
              <a:off x="8206226" y="471460"/>
              <a:ext cx="633084" cy="853287"/>
            </a:xfrm>
            <a:custGeom>
              <a:avLst/>
              <a:gdLst>
                <a:gd name="connsiteX0" fmla="*/ 320671 w 633083"/>
                <a:gd name="connsiteY0" fmla="*/ 725294 h 853286"/>
                <a:gd name="connsiteX1" fmla="*/ 461050 w 633083"/>
                <a:gd name="connsiteY1" fmla="*/ 549131 h 853286"/>
                <a:gd name="connsiteX2" fmla="*/ 323423 w 633083"/>
                <a:gd name="connsiteY2" fmla="*/ 353701 h 853286"/>
                <a:gd name="connsiteX3" fmla="*/ 188549 w 633083"/>
                <a:gd name="connsiteY3" fmla="*/ 540874 h 853286"/>
                <a:gd name="connsiteX4" fmla="*/ 320671 w 633083"/>
                <a:gd name="connsiteY4" fmla="*/ 725294 h 853286"/>
                <a:gd name="connsiteX5" fmla="*/ 612440 w 633083"/>
                <a:gd name="connsiteY5" fmla="*/ 840901 h 853286"/>
                <a:gd name="connsiteX6" fmla="*/ 455545 w 633083"/>
                <a:gd name="connsiteY6" fmla="*/ 840901 h 853286"/>
                <a:gd name="connsiteX7" fmla="*/ 455545 w 633083"/>
                <a:gd name="connsiteY7" fmla="*/ 763829 h 853286"/>
                <a:gd name="connsiteX8" fmla="*/ 452793 w 633083"/>
                <a:gd name="connsiteY8" fmla="*/ 763829 h 853286"/>
                <a:gd name="connsiteX9" fmla="*/ 276630 w 633083"/>
                <a:gd name="connsiteY9" fmla="*/ 857416 h 853286"/>
                <a:gd name="connsiteX10" fmla="*/ 20644 w 633083"/>
                <a:gd name="connsiteY10" fmla="*/ 529864 h 853286"/>
                <a:gd name="connsiteX11" fmla="*/ 271125 w 633083"/>
                <a:gd name="connsiteY11" fmla="*/ 216074 h 853286"/>
                <a:gd name="connsiteX12" fmla="*/ 447288 w 633083"/>
                <a:gd name="connsiteY12" fmla="*/ 309661 h 853286"/>
                <a:gd name="connsiteX13" fmla="*/ 450040 w 633083"/>
                <a:gd name="connsiteY13" fmla="*/ 309661 h 853286"/>
                <a:gd name="connsiteX14" fmla="*/ 450040 w 633083"/>
                <a:gd name="connsiteY14" fmla="*/ 20644 h 853286"/>
                <a:gd name="connsiteX15" fmla="*/ 609688 w 633083"/>
                <a:gd name="connsiteY15" fmla="*/ 20644 h 853286"/>
                <a:gd name="connsiteX16" fmla="*/ 609688 w 633083"/>
                <a:gd name="connsiteY16" fmla="*/ 840901 h 853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633083" h="853286">
                  <a:moveTo>
                    <a:pt x="320671" y="725294"/>
                  </a:moveTo>
                  <a:cubicBezTo>
                    <a:pt x="422515" y="725294"/>
                    <a:pt x="461050" y="639965"/>
                    <a:pt x="461050" y="549131"/>
                  </a:cubicBezTo>
                  <a:cubicBezTo>
                    <a:pt x="461050" y="452793"/>
                    <a:pt x="433525" y="353701"/>
                    <a:pt x="323423" y="353701"/>
                  </a:cubicBezTo>
                  <a:cubicBezTo>
                    <a:pt x="221579" y="353701"/>
                    <a:pt x="188549" y="444535"/>
                    <a:pt x="188549" y="540874"/>
                  </a:cubicBezTo>
                  <a:cubicBezTo>
                    <a:pt x="188549" y="615192"/>
                    <a:pt x="216074" y="725294"/>
                    <a:pt x="320671" y="725294"/>
                  </a:cubicBezTo>
                  <a:moveTo>
                    <a:pt x="612440" y="840901"/>
                  </a:moveTo>
                  <a:lnTo>
                    <a:pt x="455545" y="840901"/>
                  </a:lnTo>
                  <a:lnTo>
                    <a:pt x="455545" y="763829"/>
                  </a:lnTo>
                  <a:lnTo>
                    <a:pt x="452793" y="763829"/>
                  </a:lnTo>
                  <a:cubicBezTo>
                    <a:pt x="414257" y="832643"/>
                    <a:pt x="342691" y="857416"/>
                    <a:pt x="276630" y="857416"/>
                  </a:cubicBezTo>
                  <a:cubicBezTo>
                    <a:pt x="97715" y="857416"/>
                    <a:pt x="20644" y="697769"/>
                    <a:pt x="20644" y="529864"/>
                  </a:cubicBezTo>
                  <a:cubicBezTo>
                    <a:pt x="20644" y="320671"/>
                    <a:pt x="139003" y="216074"/>
                    <a:pt x="271125" y="216074"/>
                  </a:cubicBezTo>
                  <a:cubicBezTo>
                    <a:pt x="372969" y="216074"/>
                    <a:pt x="422515" y="271125"/>
                    <a:pt x="447288" y="309661"/>
                  </a:cubicBezTo>
                  <a:lnTo>
                    <a:pt x="450040" y="309661"/>
                  </a:lnTo>
                  <a:lnTo>
                    <a:pt x="450040" y="20644"/>
                  </a:lnTo>
                  <a:lnTo>
                    <a:pt x="609688" y="20644"/>
                  </a:lnTo>
                  <a:lnTo>
                    <a:pt x="609688" y="840901"/>
                  </a:lnTo>
                  <a:close/>
                </a:path>
              </a:pathLst>
            </a:custGeom>
            <a:solidFill>
              <a:schemeClr val="bg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455011223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2" y="1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6" y="1058864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6" y="2600551"/>
            <a:ext cx="4033839" cy="523220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GB"/>
              <a:t>Name</a:t>
            </a:r>
          </a:p>
          <a:p>
            <a:pPr lvl="1"/>
            <a:r>
              <a:rPr lang="en-GB"/>
              <a:t>Date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10A3F6D8-7E11-4976-9BB3-E8259222C899}"/>
              </a:ext>
            </a:extLst>
          </p:cNvPr>
          <p:cNvGrpSpPr/>
          <p:nvPr userDrawn="1"/>
        </p:nvGrpSpPr>
        <p:grpSpPr>
          <a:xfrm>
            <a:off x="-3176" y="269239"/>
            <a:ext cx="3607808" cy="461960"/>
            <a:chOff x="-4235" y="358985"/>
            <a:chExt cx="2376987" cy="615947"/>
          </a:xfrm>
        </p:grpSpPr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A83DB7C6-C6FD-4919-B2E9-59AD441478B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4235" y="358985"/>
              <a:ext cx="2160000" cy="615947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ADFF238E-7F6C-4E4D-ABDF-95E78500C919}"/>
                </a:ext>
              </a:extLst>
            </p:cNvPr>
            <p:cNvSpPr txBox="1"/>
            <p:nvPr userDrawn="1"/>
          </p:nvSpPr>
          <p:spPr>
            <a:xfrm>
              <a:off x="336233" y="412653"/>
              <a:ext cx="2036519" cy="492443"/>
            </a:xfrm>
            <a:prstGeom prst="rect">
              <a:avLst/>
            </a:prstGeom>
            <a:solidFill>
              <a:srgbClr val="00148C"/>
            </a:solidFill>
          </p:spPr>
          <p:txBody>
            <a:bodyPr wrap="square" rtlCol="0">
              <a:spAutoFit/>
            </a:bodyPr>
            <a:lstStyle/>
            <a:p>
              <a:pPr marL="0" marR="0" lvl="0" indent="0" defTabSz="68578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800">
                  <a:solidFill>
                    <a:schemeClr val="bg1"/>
                  </a:solidFill>
                </a:rPr>
                <a:t>Customer Data Platform</a:t>
              </a: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39574287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6AD82B2-07C2-46E9-9678-D1F4F1426BEA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227763" y="1062038"/>
            <a:ext cx="2577149" cy="3454400"/>
          </a:xfrm>
          <a:solidFill>
            <a:schemeClr val="bg1">
              <a:lumMod val="95000"/>
            </a:schemeClr>
          </a:solidFill>
        </p:spPr>
        <p:txBody>
          <a:bodyPr anchor="ctr">
            <a:noAutofit/>
          </a:bodyPr>
          <a:lstStyle>
            <a:lvl1pPr algn="ctr">
              <a:defRPr/>
            </a:lvl1pPr>
          </a:lstStyle>
          <a:p>
            <a:r>
              <a:rPr lang="en-GB"/>
              <a:t>INSER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A9E21F-48B1-4B1C-A7BD-A425530A3B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A5B8ED1A-AF6F-4E25-AAB2-26D9DEBFF56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24000" y="1062500"/>
            <a:ext cx="2592239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4BB6730-51C5-4FB3-8052-D9905AB1484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276600" y="1062500"/>
            <a:ext cx="2592000" cy="156966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Footer Placeholder 2">
            <a:extLst>
              <a:ext uri="{FF2B5EF4-FFF2-40B4-BE49-F238E27FC236}">
                <a16:creationId xmlns:a16="http://schemas.microsoft.com/office/drawing/2014/main" id="{E89C5F10-0515-49F1-B7E1-FA5D252EBE4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2615312" y="4772394"/>
            <a:ext cx="5814941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66203AC-F147-41C5-B406-E8249CBBDB54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5" name="Guidance note">
              <a:extLst>
                <a:ext uri="{FF2B5EF4-FFF2-40B4-BE49-F238E27FC236}">
                  <a16:creationId xmlns:a16="http://schemas.microsoft.com/office/drawing/2014/main" id="{464C2E21-214C-4806-9F3E-C69A825582DD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DE56EF6B-B396-42F9-B229-E1E18A219AB6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7" name="Picture 3">
                <a:extLst>
                  <a:ext uri="{FF2B5EF4-FFF2-40B4-BE49-F238E27FC236}">
                    <a16:creationId xmlns:a16="http://schemas.microsoft.com/office/drawing/2014/main" id="{8EB1562C-2ED4-4AC8-AFE4-22D14FADBFF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0">
                <a:extLst>
                  <a:ext uri="{FF2B5EF4-FFF2-40B4-BE49-F238E27FC236}">
                    <a16:creationId xmlns:a16="http://schemas.microsoft.com/office/drawing/2014/main" id="{E1BE0287-66BC-469E-9977-A30B88F00C15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23" name="Round Diagonal Corner Rectangle 4">
            <a:extLst>
              <a:ext uri="{FF2B5EF4-FFF2-40B4-BE49-F238E27FC236}">
                <a16:creationId xmlns:a16="http://schemas.microsoft.com/office/drawing/2014/main" id="{529E9B37-4CA4-410B-848A-FE86FF6F9510}"/>
              </a:ext>
            </a:extLst>
          </p:cNvPr>
          <p:cNvSpPr/>
          <p:nvPr userDrawn="1"/>
        </p:nvSpPr>
        <p:spPr>
          <a:xfrm>
            <a:off x="9206425" y="2140326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7855971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B24DF50-EEA0-4A06-8714-8D21D9F9F14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4F1565-A4B3-45DC-B4DE-67F62117E50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22780" y="1068388"/>
            <a:ext cx="5544621" cy="3294062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0DD9BE2-305C-49B6-A828-7CE17E3814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D3A5251B-0820-4ADA-9A19-8246D2702489}"/>
              </a:ext>
            </a:extLst>
          </p:cNvPr>
          <p:cNvGrpSpPr/>
          <p:nvPr userDrawn="1"/>
        </p:nvGrpSpPr>
        <p:grpSpPr>
          <a:xfrm>
            <a:off x="9206425" y="0"/>
            <a:ext cx="2029736" cy="2104028"/>
            <a:chOff x="3528102" y="847657"/>
            <a:chExt cx="2029736" cy="2104028"/>
          </a:xfrm>
        </p:grpSpPr>
        <p:sp>
          <p:nvSpPr>
            <p:cNvPr id="17" name="Guidance note">
              <a:extLst>
                <a:ext uri="{FF2B5EF4-FFF2-40B4-BE49-F238E27FC236}">
                  <a16:creationId xmlns:a16="http://schemas.microsoft.com/office/drawing/2014/main" id="{312A308F-3064-47BA-AC60-32EDEEDAB44B}"/>
                </a:ext>
              </a:extLst>
            </p:cNvPr>
            <p:cNvSpPr/>
            <p:nvPr/>
          </p:nvSpPr>
          <p:spPr>
            <a:xfrm>
              <a:off x="3528102" y="847657"/>
              <a:ext cx="2029736" cy="2104028"/>
            </a:xfrm>
            <a:prstGeom prst="rect">
              <a:avLst/>
            </a:prstGeom>
            <a:solidFill>
              <a:sysClr val="window" lastClr="FFFFFF">
                <a:lumMod val="95000"/>
              </a:sys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wrap="square" lIns="36000" tIns="36000" rIns="36000" bIns="36000" rtlCol="0" anchor="t" anchorCtr="0">
              <a:spAutoFit/>
            </a:bodyPr>
            <a:lstStyle/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eapplying the Slide Layout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Putting text into a placeholder not only ensures the text sits in the correct place and is formatted correctly, it also helps to update the page quickly and efficiently. 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Right click on the page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on ‘Layout’</a:t>
              </a:r>
            </a:p>
            <a:p>
              <a:pPr marL="90488" marR="0" lvl="2" indent="-90488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elect the layout you require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ext bullet formatting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use text/bullet formatting levels correctly, use the Increase List Level and Decrease List Level buttons from the Paragraph group on the Home tab</a:t>
              </a: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722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endParaRP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Alternatively you can use the keyboard shortcuts: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Right arrow key = increase level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Shift+Alt+Left arrow key = decrease level</a:t>
              </a:r>
            </a:p>
            <a:p>
              <a:pPr marL="0" marR="0" lvl="2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6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Guides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To ensure all other elements aside from placeholders are positioned correctly, switch your drawing guides on</a:t>
              </a:r>
            </a:p>
            <a:p>
              <a:pPr marL="90488" marR="0" lvl="2" indent="-90488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prstClr val="black"/>
                </a:buClr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Click Alt+F9</a:t>
              </a:r>
            </a:p>
          </p:txBody>
        </p: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FAF13CC-EB75-491E-ADC5-099192BFB81F}"/>
                </a:ext>
              </a:extLst>
            </p:cNvPr>
            <p:cNvGrpSpPr/>
            <p:nvPr/>
          </p:nvGrpSpPr>
          <p:grpSpPr bwMode="gray">
            <a:xfrm>
              <a:off x="3568059" y="1907313"/>
              <a:ext cx="1038536" cy="360283"/>
              <a:chOff x="4736026" y="-3144621"/>
              <a:chExt cx="1698109" cy="589139"/>
            </a:xfrm>
            <a:solidFill>
              <a:srgbClr val="A5A5A5">
                <a:lumMod val="20000"/>
                <a:lumOff val="80000"/>
              </a:srgbClr>
            </a:solidFill>
          </p:grpSpPr>
          <p:pic>
            <p:nvPicPr>
              <p:cNvPr id="19" name="Picture 3">
                <a:extLst>
                  <a:ext uri="{FF2B5EF4-FFF2-40B4-BE49-F238E27FC236}">
                    <a16:creationId xmlns:a16="http://schemas.microsoft.com/office/drawing/2014/main" id="{A9488914-4AA4-477A-966D-3FA45BA9AD0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gray">
              <a:xfrm>
                <a:off x="4736026" y="-3144621"/>
                <a:ext cx="1698109" cy="589139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0" name="Rounded Rectangle 20">
                <a:extLst>
                  <a:ext uri="{FF2B5EF4-FFF2-40B4-BE49-F238E27FC236}">
                    <a16:creationId xmlns:a16="http://schemas.microsoft.com/office/drawing/2014/main" id="{6261C382-D82C-4A0D-BCAA-2DFF1F81BFD8}"/>
                  </a:ext>
                </a:extLst>
              </p:cNvPr>
              <p:cNvSpPr/>
              <p:nvPr/>
            </p:nvSpPr>
            <p:spPr bwMode="gray">
              <a:xfrm>
                <a:off x="5292025" y="-3085266"/>
                <a:ext cx="346227" cy="166715"/>
              </a:xfrm>
              <a:prstGeom prst="roundRect">
                <a:avLst>
                  <a:gd name="adj" fmla="val 20963"/>
                </a:avLst>
              </a:prstGeom>
              <a:noFill/>
              <a:ln w="19050" cap="flat" cmpd="sng" algn="ctr">
                <a:solidFill>
                  <a:srgbClr val="FF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273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274085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char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D820A5-9B9A-4B03-84D6-6834D49C12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Chart Placeholder 5">
            <a:extLst>
              <a:ext uri="{FF2B5EF4-FFF2-40B4-BE49-F238E27FC236}">
                <a16:creationId xmlns:a16="http://schemas.microsoft.com/office/drawing/2014/main" id="{BB756EA4-8862-4B57-AC57-F64C8CF382CB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323850" y="1062500"/>
            <a:ext cx="8496000" cy="3453938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/>
              <a:t> </a:t>
            </a:r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191E4EDE-F73E-4D47-BE09-9DA6C993590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234838" y="4740424"/>
            <a:ext cx="7195415" cy="169277"/>
          </a:xfrm>
        </p:spPr>
        <p:txBody>
          <a:bodyPr/>
          <a:lstStyle>
            <a:lvl1pPr>
              <a:defRPr b="0"/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sp>
        <p:nvSpPr>
          <p:cNvPr id="12" name="Guidance note">
            <a:extLst>
              <a:ext uri="{FF2B5EF4-FFF2-40B4-BE49-F238E27FC236}">
                <a16:creationId xmlns:a16="http://schemas.microsoft.com/office/drawing/2014/main" id="{DF4D906A-19FE-4A37-9F71-EBD603DB8313}"/>
              </a:ext>
            </a:extLst>
          </p:cNvPr>
          <p:cNvSpPr/>
          <p:nvPr userDrawn="1"/>
        </p:nvSpPr>
        <p:spPr>
          <a:xfrm>
            <a:off x="9206425" y="0"/>
            <a:ext cx="2029736" cy="99603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36000" tIns="36000" rIns="36000" bIns="36000" rtlCol="0" anchor="t" anchorCtr="0">
            <a:spAutoFit/>
          </a:bodyPr>
          <a:lstStyle/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nsert a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chart icon and select the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n the Insert tab choose ‘Chart’ and from the available options choose the type of chart you requir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rmat the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the chart title text box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source and notes</a:t>
            </a:r>
          </a:p>
          <a:p>
            <a:pPr marL="0" marR="0" lvl="2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472C4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pdate existing chart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existing chart and delet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steps for inserting a chart above</a:t>
            </a:r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1924247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984479-1823-4BDB-AAA8-6F7D67888FD9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8BD2EEFA-8252-4979-8B48-D13EEB8A4E1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5" name="Picture Placeholder 12">
            <a:extLst>
              <a:ext uri="{FF2B5EF4-FFF2-40B4-BE49-F238E27FC236}">
                <a16:creationId xmlns:a16="http://schemas.microsoft.com/office/drawing/2014/main" id="{4A49F27C-7E3B-4D20-B431-E1FC318DDF6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87CA7715-C5DB-4A2E-9532-A9F797EC577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540029"/>
            <a:ext cx="2076348" cy="361858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65406806-C157-486B-910B-A52A24A4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FF50055F-31FC-4AB6-89E2-4D2F6BB1424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0" name="Round Diagonal Corner Rectangle 4">
            <a:extLst>
              <a:ext uri="{FF2B5EF4-FFF2-40B4-BE49-F238E27FC236}">
                <a16:creationId xmlns:a16="http://schemas.microsoft.com/office/drawing/2014/main" id="{16DC8360-D4F7-405A-BF06-04DDCFD5DEFE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147894130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Electricity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266" y="4616761"/>
            <a:ext cx="2072286" cy="245891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41686627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Transmiss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6" name="Round Diagonal Corner Rectangle 4">
            <a:extLst>
              <a:ext uri="{FF2B5EF4-FFF2-40B4-BE49-F238E27FC236}">
                <a16:creationId xmlns:a16="http://schemas.microsoft.com/office/drawing/2014/main" id="{A8CD0164-38F9-45E8-BBCE-ACF9D4084AC5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  <p:pic>
        <p:nvPicPr>
          <p:cNvPr id="11" name="Graphic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7496" y="4518571"/>
            <a:ext cx="2016703" cy="351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647904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Gas System Operato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C79AD21E-EFC3-431D-86B8-0DD21178CC58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58830814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- Capital Deliver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F8ADC62-EFF7-4CAA-99A2-3F3758E5DE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23266" y="4633912"/>
            <a:ext cx="1410824" cy="290076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D855AF4F-E44A-47E4-8B27-D35A233221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195" y="1058863"/>
            <a:ext cx="4033839" cy="868039"/>
          </a:xfrm>
        </p:spPr>
        <p:txBody>
          <a:bodyPr anchor="t" anchorCtr="0"/>
          <a:lstStyle>
            <a:lvl1pPr>
              <a:lnSpc>
                <a:spcPct val="80000"/>
              </a:lnSpc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Text Placeholder 9">
            <a:extLst>
              <a:ext uri="{FF2B5EF4-FFF2-40B4-BE49-F238E27FC236}">
                <a16:creationId xmlns:a16="http://schemas.microsoft.com/office/drawing/2014/main" id="{7A25DF4E-52C6-42FC-9BDC-3C98AF4154A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30195" y="2600550"/>
            <a:ext cx="4033839" cy="553998"/>
          </a:xfrm>
        </p:spPr>
        <p:txBody>
          <a:bodyPr/>
          <a:lstStyle>
            <a:lvl1pPr>
              <a:spcAft>
                <a:spcPts val="0"/>
              </a:spcAft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</a:lstStyle>
          <a:p>
            <a:pPr lvl="0"/>
            <a:r>
              <a:rPr lang="en-US"/>
              <a:t>Name</a:t>
            </a:r>
          </a:p>
          <a:p>
            <a:pPr lvl="1"/>
            <a:r>
              <a:rPr lang="en-US"/>
              <a:t>Date</a:t>
            </a:r>
            <a:endParaRPr lang="en-GB"/>
          </a:p>
        </p:txBody>
      </p:sp>
      <p:sp>
        <p:nvSpPr>
          <p:cNvPr id="12" name="Picture Placeholder 12">
            <a:extLst>
              <a:ext uri="{FF2B5EF4-FFF2-40B4-BE49-F238E27FC236}">
                <a16:creationId xmlns:a16="http://schemas.microsoft.com/office/drawing/2014/main" id="{2E4CC565-EE0C-4E32-8104-7570E7EB2E00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 bwMode="gray">
          <a:xfrm>
            <a:off x="3891611" y="0"/>
            <a:ext cx="4960294" cy="2480147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0 h 5000"/>
              <a:gd name="connsiteX1" fmla="*/ 10000 w 10000"/>
              <a:gd name="connsiteY1" fmla="*/ 0 h 5000"/>
              <a:gd name="connsiteX2" fmla="*/ 5000 w 10000"/>
              <a:gd name="connsiteY2" fmla="*/ 5000 h 5000"/>
              <a:gd name="connsiteX3" fmla="*/ 0 w 10000"/>
              <a:gd name="connsiteY3" fmla="*/ 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0"/>
                </a:moveTo>
                <a:lnTo>
                  <a:pt x="10000" y="0"/>
                </a:lnTo>
                <a:lnTo>
                  <a:pt x="5000" y="5000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>
            <a:lvl1pPr algn="ctr">
              <a:defRPr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658FFF46-8010-4F9F-AE72-9028D65940DF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 bwMode="gray">
          <a:xfrm>
            <a:off x="2279659" y="2663100"/>
            <a:ext cx="4960800" cy="2480400"/>
          </a:xfrm>
          <a:custGeom>
            <a:avLst/>
            <a:gdLst>
              <a:gd name="connsiteX0" fmla="*/ 0 w 10000"/>
              <a:gd name="connsiteY0" fmla="*/ 5000 h 10000"/>
              <a:gd name="connsiteX1" fmla="*/ 5000 w 10000"/>
              <a:gd name="connsiteY1" fmla="*/ 0 h 10000"/>
              <a:gd name="connsiteX2" fmla="*/ 10000 w 10000"/>
              <a:gd name="connsiteY2" fmla="*/ 5000 h 10000"/>
              <a:gd name="connsiteX3" fmla="*/ 5000 w 10000"/>
              <a:gd name="connsiteY3" fmla="*/ 10000 h 10000"/>
              <a:gd name="connsiteX4" fmla="*/ 0 w 10000"/>
              <a:gd name="connsiteY4" fmla="*/ 5000 h 10000"/>
              <a:gd name="connsiteX0" fmla="*/ 0 w 10000"/>
              <a:gd name="connsiteY0" fmla="*/ 5000 h 5000"/>
              <a:gd name="connsiteX1" fmla="*/ 5000 w 10000"/>
              <a:gd name="connsiteY1" fmla="*/ 0 h 5000"/>
              <a:gd name="connsiteX2" fmla="*/ 10000 w 10000"/>
              <a:gd name="connsiteY2" fmla="*/ 5000 h 5000"/>
              <a:gd name="connsiteX3" fmla="*/ 0 w 10000"/>
              <a:gd name="connsiteY3" fmla="*/ 5000 h 5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00" h="5000">
                <a:moveTo>
                  <a:pt x="0" y="5000"/>
                </a:moveTo>
                <a:lnTo>
                  <a:pt x="5000" y="0"/>
                </a:lnTo>
                <a:lnTo>
                  <a:pt x="10000" y="5000"/>
                </a:lnTo>
                <a:lnTo>
                  <a:pt x="0" y="50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Autofit/>
          </a:bodyPr>
          <a:lstStyle/>
          <a:p>
            <a:r>
              <a:rPr lang="en-US"/>
              <a:t> </a:t>
            </a:r>
            <a:endParaRPr lang="en-GB"/>
          </a:p>
        </p:txBody>
      </p:sp>
      <p:sp>
        <p:nvSpPr>
          <p:cNvPr id="14" name="Picture Placeholder 12">
            <a:extLst>
              <a:ext uri="{FF2B5EF4-FFF2-40B4-BE49-F238E27FC236}">
                <a16:creationId xmlns:a16="http://schemas.microsoft.com/office/drawing/2014/main" id="{B66E0B52-365A-4D6A-AB81-ADC5F8F8FFDC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 bwMode="gray">
          <a:xfrm>
            <a:off x="4846035" y="1851623"/>
            <a:ext cx="1440000" cy="1440000"/>
          </a:xfrm>
          <a:prstGeom prst="flowChartDecision">
            <a:avLst/>
          </a:prstGeom>
          <a:solidFill>
            <a:schemeClr val="bg1"/>
          </a:solidFill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 </a:t>
            </a:r>
            <a:endParaRPr lang="en-GB"/>
          </a:p>
        </p:txBody>
      </p:sp>
      <p:sp>
        <p:nvSpPr>
          <p:cNvPr id="17" name="Round Diagonal Corner Rectangle 4">
            <a:extLst>
              <a:ext uri="{FF2B5EF4-FFF2-40B4-BE49-F238E27FC236}">
                <a16:creationId xmlns:a16="http://schemas.microsoft.com/office/drawing/2014/main" id="{7EF46B65-58C7-4BF4-B402-D21DCC45562C}"/>
              </a:ext>
            </a:extLst>
          </p:cNvPr>
          <p:cNvSpPr/>
          <p:nvPr userDrawn="1"/>
        </p:nvSpPr>
        <p:spPr>
          <a:xfrm>
            <a:off x="9206425" y="0"/>
            <a:ext cx="2030635" cy="21164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wrap="square" lIns="42138" tIns="42138" rIns="42138" bIns="42138" rtlCol="0" anchor="t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mage placeholders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This layout is set with a picture placeholder for photography. To insert an image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‘picture placeholder icon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Navigate to the file and insert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U</a:t>
            </a: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dating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lick on the image you wish to chan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Delete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Follow the steps as above to insert an imag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Cropp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When the image is inserted it may not automatically show the part of the image you want. To change what is shown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the im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Go to ‘Format’ tab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Crop’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You can now move the image within the placeholder.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esizing image</a:t>
            </a:r>
          </a:p>
          <a:p>
            <a:pPr marL="0" marR="0" lvl="1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If the shape of the image resizes too small or big, you can reset the placeholder by: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Right-click on the page</a:t>
            </a:r>
          </a:p>
          <a:p>
            <a:pPr marL="90488" marR="0" lvl="2" indent="-9048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elect ‘reset slide’ (note: Using this action will reset all of the manual formatting on the page)</a:t>
            </a:r>
          </a:p>
        </p:txBody>
      </p:sp>
    </p:spTree>
    <p:extLst>
      <p:ext uri="{BB962C8B-B14F-4D97-AF65-F5344CB8AC3E}">
        <p14:creationId xmlns:p14="http://schemas.microsoft.com/office/powerpoint/2010/main" val="231695900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90" name="Rectangle 5"/>
          <p:cNvSpPr>
            <a:spLocks noGrp="1" noChangeArrowheads="1"/>
          </p:cNvSpPr>
          <p:nvPr>
            <p:ph type="title"/>
          </p:nvPr>
        </p:nvSpPr>
        <p:spPr bwMode="auto">
          <a:xfrm>
            <a:off x="322780" y="267573"/>
            <a:ext cx="8497370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279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22780" y="1058864"/>
            <a:ext cx="8498440" cy="3600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en-US"/>
              <a:t>Heading 1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7" name="Slide Number Placeholder 5"/>
          <p:cNvSpPr txBox="1">
            <a:spLocks/>
          </p:cNvSpPr>
          <p:nvPr/>
        </p:nvSpPr>
        <p:spPr>
          <a:xfrm>
            <a:off x="8286937" y="4790872"/>
            <a:ext cx="534283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lang="en-GB" sz="1000" b="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39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2pPr>
            <a:lvl3pPr marL="1219080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3pPr>
            <a:lvl4pPr marL="182861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4pPr>
            <a:lvl5pPr marL="2438158" algn="l" rtl="0" fontAlgn="base">
              <a:spcBef>
                <a:spcPct val="0"/>
              </a:spcBef>
              <a:spcAft>
                <a:spcPct val="0"/>
              </a:spcAft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5pPr>
            <a:lvl6pPr marL="3047696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6pPr>
            <a:lvl7pPr marL="3657235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7pPr>
            <a:lvl8pPr marL="426677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8pPr>
            <a:lvl9pPr marL="4876313" algn="l" defTabSz="1219080" rtl="0" eaLnBrk="1" latinLnBrk="0" hangingPunct="1">
              <a:defRPr sz="3700" b="1" kern="1200">
                <a:solidFill>
                  <a:srgbClr val="0079C1"/>
                </a:solidFill>
                <a:latin typeface="Arial" charset="0"/>
                <a:ea typeface="ＭＳ Ｐゴシック" pitchFamily="48" charset="-128"/>
                <a:cs typeface="+mn-cs"/>
              </a:defRPr>
            </a:lvl9pPr>
          </a:lstStyle>
          <a:p>
            <a:fld id="{C765D33F-A874-457A-8BB6-233806FE7182}" type="slidenum">
              <a:rPr lang="en-GB" sz="1100" smtClean="0">
                <a:solidFill>
                  <a:schemeClr val="accent1"/>
                </a:solidFill>
              </a:rPr>
              <a:pPr/>
              <a:t>‹#›</a:t>
            </a:fld>
            <a:endParaRPr lang="en-GB" sz="1100">
              <a:solidFill>
                <a:schemeClr val="accent1"/>
              </a:solidFill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B12DA87-6564-4220-A5E6-DF04389D5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11669" y="4778260"/>
            <a:ext cx="5718584" cy="169277"/>
          </a:xfrm>
          <a:prstGeom prst="rect">
            <a:avLst/>
          </a:prstGeom>
        </p:spPr>
        <p:txBody>
          <a:bodyPr wrap="square" lIns="0" tIns="0" rIns="0" bIns="0" anchor="b">
            <a:spAutoFit/>
          </a:bodyPr>
          <a:lstStyle>
            <a:lvl1pPr algn="l">
              <a:defRPr lang="en-GB" sz="1100" b="0" dirty="0">
                <a:solidFill>
                  <a:schemeClr val="accent1"/>
                </a:solidFill>
                <a:latin typeface="+mn-lt"/>
                <a:ea typeface="+mn-ea"/>
              </a:defRPr>
            </a:lvl1pPr>
          </a:lstStyle>
          <a:p>
            <a:pPr>
              <a:tabLst>
                <a:tab pos="989013" algn="l"/>
              </a:tabLst>
            </a:pPr>
            <a:r>
              <a:rPr lang="fr-FR"/>
              <a:t>| [Insert document title] | [Insert date]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322780" y="4740425"/>
            <a:ext cx="2231234" cy="2648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813" r:id="rId2"/>
    <p:sldLayoutId id="2147483786" r:id="rId3"/>
    <p:sldLayoutId id="2147483814" r:id="rId4"/>
    <p:sldLayoutId id="2147483817" r:id="rId5"/>
    <p:sldLayoutId id="2147483795" r:id="rId6"/>
    <p:sldLayoutId id="2147483796" r:id="rId7"/>
    <p:sldLayoutId id="2147483815" r:id="rId8"/>
    <p:sldLayoutId id="2147483794" r:id="rId9"/>
    <p:sldLayoutId id="2147483797" r:id="rId10"/>
    <p:sldLayoutId id="2147483798" r:id="rId11"/>
    <p:sldLayoutId id="2147483816" r:id="rId12"/>
    <p:sldLayoutId id="2147483784" r:id="rId13"/>
    <p:sldLayoutId id="2147483818" r:id="rId14"/>
  </p:sldLayoutIdLst>
  <p:transition>
    <p:fade/>
  </p:transition>
  <p:hf sldNum="0"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5pPr>
      <a:lvl6pPr marL="342866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6pPr>
      <a:lvl7pPr marL="685732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7pPr>
      <a:lvl8pPr marL="1028598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8pPr>
      <a:lvl9pPr marL="1371464" algn="l" rtl="0" eaLnBrk="1" fontAlgn="base" hangingPunct="1">
        <a:spcBef>
          <a:spcPct val="0"/>
        </a:spcBef>
        <a:spcAft>
          <a:spcPct val="0"/>
        </a:spcAft>
        <a:defRPr sz="2100" b="1">
          <a:solidFill>
            <a:srgbClr val="0079C1"/>
          </a:solidFill>
          <a:latin typeface="Arial" charset="0"/>
          <a:ea typeface="ＭＳ Ｐゴシック" pitchFamily="48" charset="-128"/>
        </a:defRPr>
      </a:lvl9pPr>
    </p:titleStyle>
    <p:bodyStyle>
      <a:lvl1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8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1600">
          <a:solidFill>
            <a:schemeClr val="tx1"/>
          </a:solidFill>
          <a:latin typeface="+mn-lt"/>
          <a:ea typeface="+mn-ea"/>
        </a:defRPr>
      </a:lvl2pPr>
      <a:lvl3pPr marL="27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-"/>
        <a:defRPr sz="1600">
          <a:solidFill>
            <a:schemeClr val="tx1"/>
          </a:solidFill>
          <a:latin typeface="+mn-lt"/>
          <a:ea typeface="+mn-ea"/>
        </a:defRPr>
      </a:lvl4pPr>
      <a:lvl5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Char char="◦"/>
        <a:defRPr sz="1600">
          <a:solidFill>
            <a:schemeClr val="tx1"/>
          </a:solidFill>
          <a:latin typeface="+mn-lt"/>
          <a:ea typeface="+mn-ea"/>
        </a:defRPr>
      </a:lvl5pPr>
      <a:lvl6pPr marL="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rabicPeriod"/>
        <a:defRPr sz="1600">
          <a:solidFill>
            <a:schemeClr val="tx1"/>
          </a:solidFill>
          <a:latin typeface="+mn-lt"/>
          <a:ea typeface="+mn-ea"/>
        </a:defRPr>
      </a:lvl6pPr>
      <a:lvl7pPr marL="54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alphaLcPeriod"/>
        <a:defRPr sz="1600">
          <a:solidFill>
            <a:schemeClr val="tx1"/>
          </a:solidFill>
          <a:latin typeface="+mn-lt"/>
          <a:ea typeface="+mn-ea"/>
        </a:defRPr>
      </a:lvl7pPr>
      <a:lvl8pPr marL="810000" indent="-270000" algn="l" rtl="0" eaLnBrk="1" fontAlgn="base" hangingPunct="1">
        <a:spcBef>
          <a:spcPct val="0"/>
        </a:spcBef>
        <a:spcAft>
          <a:spcPts val="1200"/>
        </a:spcAft>
        <a:buClr>
          <a:schemeClr val="accent1"/>
        </a:buClr>
        <a:buFont typeface="+mj-lt"/>
        <a:buAutoNum type="romanLcPeriod"/>
        <a:defRPr sz="16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1200"/>
        </a:spcAft>
        <a:buClr>
          <a:schemeClr val="tx1"/>
        </a:buClr>
        <a:buFontTx/>
        <a:buNone/>
        <a:defRPr sz="2400">
          <a:solidFill>
            <a:schemeClr val="accent1"/>
          </a:solidFill>
          <a:latin typeface="+mn-lt"/>
          <a:ea typeface="+mn-ea"/>
        </a:defRPr>
      </a:lvl9pPr>
    </p:bodyStyle>
    <p:otherStyle>
      <a:defPPr>
        <a:defRPr lang="en-GB"/>
      </a:defPPr>
      <a:lvl1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 b="1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tx1"/>
          </a:solidFill>
          <a:latin typeface="+mn-lt"/>
          <a:ea typeface="+mn-ea"/>
        </a:defRPr>
      </a:lvl2pPr>
      <a:lvl3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>
          <a:solidFill>
            <a:schemeClr val="tx1"/>
          </a:solidFill>
          <a:latin typeface="+mn-lt"/>
          <a:ea typeface="+mn-ea"/>
        </a:defRPr>
      </a:lvl3pPr>
      <a:lvl4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200">
          <a:solidFill>
            <a:schemeClr val="tx1"/>
          </a:solidFill>
          <a:latin typeface="+mn-lt"/>
          <a:ea typeface="+mn-ea"/>
        </a:defRPr>
      </a:lvl4pPr>
      <a:lvl5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◦"/>
        <a:defRPr sz="1200">
          <a:solidFill>
            <a:schemeClr val="tx1"/>
          </a:solidFill>
          <a:latin typeface="+mn-lt"/>
          <a:ea typeface="+mn-ea"/>
        </a:defRPr>
      </a:lvl5pPr>
      <a:lvl6pPr marL="18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rabicPeriod"/>
        <a:defRPr sz="1200">
          <a:solidFill>
            <a:schemeClr val="tx1"/>
          </a:solidFill>
          <a:latin typeface="+mn-lt"/>
          <a:ea typeface="+mn-ea"/>
        </a:defRPr>
      </a:lvl6pPr>
      <a:lvl7pPr marL="36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alphaLcPeriod"/>
        <a:defRPr sz="1200">
          <a:solidFill>
            <a:schemeClr val="tx1"/>
          </a:solidFill>
          <a:latin typeface="+mn-lt"/>
          <a:ea typeface="+mn-ea"/>
        </a:defRPr>
      </a:lvl7pPr>
      <a:lvl8pPr marL="540000" indent="-180000" algn="l" rtl="0" eaLnBrk="1" fontAlgn="base" hangingPunct="1">
        <a:spcBef>
          <a:spcPct val="0"/>
        </a:spcBef>
        <a:spcAft>
          <a:spcPts val="600"/>
        </a:spcAft>
        <a:buClr>
          <a:schemeClr val="accent1"/>
        </a:buClr>
        <a:buFont typeface="+mj-lt"/>
        <a:buAutoNum type="romanLcPeriod"/>
        <a:defRPr sz="1200">
          <a:solidFill>
            <a:schemeClr val="tx1"/>
          </a:solidFill>
          <a:latin typeface="+mn-lt"/>
          <a:ea typeface="+mn-ea"/>
        </a:defRPr>
      </a:lvl8pPr>
      <a:lvl9pPr marL="0" indent="0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Tx/>
        <a:buNone/>
        <a:defRPr sz="1200">
          <a:solidFill>
            <a:schemeClr val="accent2"/>
          </a:solidFill>
          <a:latin typeface="+mn-lt"/>
          <a:ea typeface="+mn-ea"/>
        </a:defRPr>
      </a:lvl9pPr>
    </p:otherStyle>
  </p:txStyles>
  <p:extLst>
    <p:ext uri="{27BBF7A9-308A-43DC-89C8-2F10F3537804}">
      <p15:sldGuideLst xmlns:p15="http://schemas.microsoft.com/office/powerpoint/2012/main">
        <p15:guide id="2" pos="2767" userDrawn="1">
          <p15:clr>
            <a:srgbClr val="F26B43"/>
          </p15:clr>
        </p15:guide>
        <p15:guide id="4" pos="5556" userDrawn="1">
          <p15:clr>
            <a:srgbClr val="F26B43"/>
          </p15:clr>
        </p15:guide>
        <p15:guide id="6" orient="horz" pos="2845" userDrawn="1">
          <p15:clr>
            <a:srgbClr val="F26B43"/>
          </p15:clr>
        </p15:guide>
        <p15:guide id="8" pos="204" userDrawn="1">
          <p15:clr>
            <a:srgbClr val="F26B43"/>
          </p15:clr>
        </p15:guide>
        <p15:guide id="13" pos="2993" userDrawn="1">
          <p15:clr>
            <a:srgbClr val="F26B43"/>
          </p15:clr>
        </p15:guide>
        <p15:guide id="14" orient="horz" pos="350" userDrawn="1">
          <p15:clr>
            <a:srgbClr val="F26B43"/>
          </p15:clr>
        </p15:guide>
        <p15:guide id="15" orient="horz" pos="667" userDrawn="1">
          <p15:clr>
            <a:srgbClr val="F26B43"/>
          </p15:clr>
        </p15:guide>
        <p15:guide id="16" pos="2064" userDrawn="1">
          <p15:clr>
            <a:srgbClr val="F26B43"/>
          </p15:clr>
        </p15:guide>
        <p15:guide id="17" pos="3923" userDrawn="1">
          <p15:clr>
            <a:srgbClr val="F26B43"/>
          </p15:clr>
        </p15:guide>
        <p15:guide id="18" pos="3696" userDrawn="1">
          <p15:clr>
            <a:srgbClr val="F26B43"/>
          </p15:clr>
        </p15:guide>
        <p15:guide id="19" pos="183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12.jpeg"/><Relationship Id="rId4" Type="http://schemas.openxmlformats.org/officeDocument/2006/relationships/image" Target="../media/image11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14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notesSlide" Target="../notesSlides/notesSlide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itle 23">
            <a:extLst>
              <a:ext uri="{FF2B5EF4-FFF2-40B4-BE49-F238E27FC236}">
                <a16:creationId xmlns:a16="http://schemas.microsoft.com/office/drawing/2014/main" id="{D11F48BE-96B2-4B10-82E2-0149C7A901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2095" y="1303270"/>
            <a:ext cx="4647634" cy="868039"/>
          </a:xfrm>
        </p:spPr>
        <p:txBody>
          <a:bodyPr/>
          <a:lstStyle/>
          <a:p>
            <a:r>
              <a:rPr lang="en-GB" sz="2400"/>
              <a:t>US Customer</a:t>
            </a:r>
            <a:r>
              <a:rPr lang="en-GB" sz="2400" baseline="0"/>
              <a:t> </a:t>
            </a:r>
            <a:r>
              <a:rPr lang="en-GB" sz="2400"/>
              <a:t>Golden Record</a:t>
            </a:r>
            <a:endParaRPr lang="en-GB"/>
          </a:p>
        </p:txBody>
      </p:sp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74E4277B-3BB9-6144-9D49-BF4DF54AADC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 rotWithShape="1">
          <a:blip r:embed="rId3"/>
          <a:srcRect t="1891" b="23109"/>
          <a:stretch/>
        </p:blipFill>
        <p:spPr/>
      </p:pic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15EA85F1-F52C-9E4C-B748-D492768EA85E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4"/>
          <a:srcRect t="47573" b="19115"/>
          <a:stretch/>
        </p:blipFill>
        <p:spPr/>
      </p:pic>
      <p:pic>
        <p:nvPicPr>
          <p:cNvPr id="15" name="Picture Placeholder 14">
            <a:extLst>
              <a:ext uri="{FF2B5EF4-FFF2-40B4-BE49-F238E27FC236}">
                <a16:creationId xmlns:a16="http://schemas.microsoft.com/office/drawing/2014/main" id="{06FCABBD-1FEA-CE47-B19A-510D0528C0B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5"/>
          <a:srcRect l="22197" r="11490"/>
          <a:stretch/>
        </p:blipFill>
        <p:spPr/>
      </p:pic>
    </p:spTree>
    <p:extLst>
      <p:ext uri="{BB962C8B-B14F-4D97-AF65-F5344CB8AC3E}">
        <p14:creationId xmlns:p14="http://schemas.microsoft.com/office/powerpoint/2010/main" val="3409871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101693CD-F7CB-4884-A518-253D19D5F653}"/>
              </a:ext>
            </a:extLst>
          </p:cNvPr>
          <p:cNvSpPr txBox="1">
            <a:spLocks/>
          </p:cNvSpPr>
          <p:nvPr/>
        </p:nvSpPr>
        <p:spPr bwMode="auto">
          <a:xfrm>
            <a:off x="533400" y="121630"/>
            <a:ext cx="8264051" cy="3162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5pPr>
            <a:lvl6pPr marL="457131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6pPr>
            <a:lvl7pPr marL="914264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7pPr>
            <a:lvl8pPr marL="1371396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8pPr>
            <a:lvl9pPr marL="1828528" algn="l" rtl="0" eaLnBrk="1" fontAlgn="base" hangingPunct="1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0079C1"/>
                </a:solidFill>
                <a:latin typeface="Arial" charset="0"/>
                <a:ea typeface="ＭＳ Ｐゴシック" pitchFamily="48" charset="-128"/>
              </a:defRPr>
            </a:lvl9pPr>
          </a:lstStyle>
          <a:p>
            <a:r>
              <a:rPr lang="en-GB" sz="2100"/>
              <a:t>Golden Record 101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DA947A8-BD8E-49CA-92F5-5B7AD1170E03}"/>
              </a:ext>
            </a:extLst>
          </p:cNvPr>
          <p:cNvSpPr txBox="1"/>
          <p:nvPr/>
        </p:nvSpPr>
        <p:spPr bwMode="auto">
          <a:xfrm>
            <a:off x="165123" y="508913"/>
            <a:ext cx="8297009" cy="4154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450"/>
              </a:spcAft>
            </a:pPr>
            <a:r>
              <a:rPr lang="en-GB" sz="1350"/>
              <a:t>A Golden Master Record is the most </a:t>
            </a:r>
            <a:r>
              <a:rPr lang="en-GB" sz="1350">
                <a:solidFill>
                  <a:srgbClr val="0000FF"/>
                </a:solidFill>
              </a:rPr>
              <a:t>accurate, complete </a:t>
            </a:r>
            <a:r>
              <a:rPr lang="en-GB" sz="1350"/>
              <a:t>and</a:t>
            </a:r>
            <a:r>
              <a:rPr lang="en-GB" sz="1350">
                <a:solidFill>
                  <a:srgbClr val="0000FF"/>
                </a:solidFill>
              </a:rPr>
              <a:t> comprehensive </a:t>
            </a:r>
            <a:r>
              <a:rPr lang="en-GB" sz="1350"/>
              <a:t>representation of a master data asset – for the current scope, a </a:t>
            </a:r>
            <a:r>
              <a:rPr lang="en-GB" sz="1350">
                <a:solidFill>
                  <a:srgbClr val="0000FF"/>
                </a:solidFill>
              </a:rPr>
              <a:t>Customer</a:t>
            </a:r>
            <a:r>
              <a:rPr lang="en-GB" sz="1350"/>
              <a:t>.</a:t>
            </a:r>
            <a:endParaRPr lang="en-GB" sz="1350" b="0">
              <a:solidFill>
                <a:schemeClr val="tx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90BD7A11-CCC6-4C5C-8C76-2AD6197181B8}"/>
              </a:ext>
            </a:extLst>
          </p:cNvPr>
          <p:cNvSpPr txBox="1"/>
          <p:nvPr/>
        </p:nvSpPr>
        <p:spPr bwMode="auto">
          <a:xfrm>
            <a:off x="294368" y="995420"/>
            <a:ext cx="8742113" cy="3672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spcAft>
                <a:spcPts val="375"/>
              </a:spcAft>
            </a:pPr>
            <a:r>
              <a:rPr lang="en-GB" sz="1200"/>
              <a:t>Why do we need a Golden Record?</a:t>
            </a: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Golden Profil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List of attributes (or fields) that define a Customer uniquely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Have a comprehensive, unambiguous, reliable, and up-to-date view of a Customer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atch &amp; Merge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resolve conflict if different pieces of information are present in different applications for the same worker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If a single application does not offer all the necessary attributes, define merge rules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Compatibility and Accessibil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To ensure the data integration services include the ‘right’ set of data elements to share with internal &amp; external application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Provide easy data access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Enable reliable reporting &amp; data visualisation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Single workforce view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avoid duplicates and ensure we have a </a:t>
            </a:r>
            <a:r>
              <a:rPr lang="en-GB" sz="1200">
                <a:solidFill>
                  <a:srgbClr val="55555A"/>
                </a:solidFill>
                <a:latin typeface="Arial"/>
                <a:ea typeface="ＭＳ Ｐゴシック"/>
                <a:cs typeface="+mn-cs"/>
              </a:rPr>
              <a:t>comprehensive, unambiguous </a:t>
            </a:r>
            <a:r>
              <a:rPr lang="en-GB" sz="1200"/>
              <a:t>single version of truth</a:t>
            </a:r>
            <a:endParaRPr lang="en-GB" sz="1200">
              <a:cs typeface="Arial"/>
            </a:endParaRPr>
          </a:p>
          <a:p>
            <a:pPr marL="213995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Enhanced Security – </a:t>
            </a:r>
            <a:endParaRPr lang="en-GB" sz="1200">
              <a:cs typeface="Arial"/>
            </a:endParaRPr>
          </a:p>
          <a:p>
            <a:pPr marL="556895" lvl="1" indent="-213995">
              <a:spcAft>
                <a:spcPts val="375"/>
              </a:spcAft>
              <a:buFont typeface="Arial" panose="020B0604020202020204" pitchFamily="34" charset="0"/>
              <a:buChar char="•"/>
            </a:pPr>
            <a:r>
              <a:rPr lang="en-GB" sz="1200"/>
              <a:t>Minimise risk of data breach due to information access for workers who are no longer part of the organisation</a:t>
            </a:r>
            <a:endParaRPr lang="en-GB" sz="1200"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110646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900" dirty="0"/>
              <a:t>US Customer Golden Master Record  (MVP1)</a:t>
            </a:r>
            <a:endParaRPr lang="en-GB" sz="1900" b="0" dirty="0"/>
          </a:p>
        </p:txBody>
      </p:sp>
      <p:sp>
        <p:nvSpPr>
          <p:cNvPr id="310" name="Rectangle: Rounded Corners 19">
            <a:extLst>
              <a:ext uri="{FF2B5EF4-FFF2-40B4-BE49-F238E27FC236}">
                <a16:creationId xmlns:a16="http://schemas.microsoft.com/office/drawing/2014/main" id="{58085F00-1194-4882-8B91-6BCA3C408670}"/>
              </a:ext>
            </a:extLst>
          </p:cNvPr>
          <p:cNvSpPr/>
          <p:nvPr/>
        </p:nvSpPr>
        <p:spPr>
          <a:xfrm>
            <a:off x="6041919" y="442016"/>
            <a:ext cx="2651670" cy="433626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2" name="Rectangle: Rounded Corners 23">
            <a:extLst>
              <a:ext uri="{FF2B5EF4-FFF2-40B4-BE49-F238E27FC236}">
                <a16:creationId xmlns:a16="http://schemas.microsoft.com/office/drawing/2014/main" id="{76913871-16D9-4413-9045-DC0029C0EB1B}"/>
              </a:ext>
            </a:extLst>
          </p:cNvPr>
          <p:cNvSpPr/>
          <p:nvPr/>
        </p:nvSpPr>
        <p:spPr>
          <a:xfrm>
            <a:off x="6111539" y="603915"/>
            <a:ext cx="1238152" cy="23076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RIS Source Identifier</a:t>
            </a:r>
          </a:p>
        </p:txBody>
      </p:sp>
      <p:sp>
        <p:nvSpPr>
          <p:cNvPr id="314" name="Rectangle: Rounded Corners 28">
            <a:extLst>
              <a:ext uri="{FF2B5EF4-FFF2-40B4-BE49-F238E27FC236}">
                <a16:creationId xmlns:a16="http://schemas.microsoft.com/office/drawing/2014/main" id="{F0198DAC-46D2-431D-BE04-C477DC819B8D}"/>
              </a:ext>
            </a:extLst>
          </p:cNvPr>
          <p:cNvSpPr/>
          <p:nvPr/>
        </p:nvSpPr>
        <p:spPr>
          <a:xfrm>
            <a:off x="7409720" y="606444"/>
            <a:ext cx="1213880" cy="23076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CSS Source Identifier</a:t>
            </a:r>
          </a:p>
        </p:txBody>
      </p:sp>
      <p:sp>
        <p:nvSpPr>
          <p:cNvPr id="315" name="Rectangle: Rounded Corners 32">
            <a:extLst>
              <a:ext uri="{FF2B5EF4-FFF2-40B4-BE49-F238E27FC236}">
                <a16:creationId xmlns:a16="http://schemas.microsoft.com/office/drawing/2014/main" id="{CA5143F8-C648-4971-B0DE-F85E22ED3C4F}"/>
              </a:ext>
            </a:extLst>
          </p:cNvPr>
          <p:cNvSpPr/>
          <p:nvPr/>
        </p:nvSpPr>
        <p:spPr>
          <a:xfrm>
            <a:off x="264549" y="518855"/>
            <a:ext cx="2651670" cy="1327222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16" name="Rectangle 33">
            <a:extLst>
              <a:ext uri="{FF2B5EF4-FFF2-40B4-BE49-F238E27FC236}">
                <a16:creationId xmlns:a16="http://schemas.microsoft.com/office/drawing/2014/main" id="{ACD590B6-8A4A-4561-A103-8D2E2C776C9A}"/>
              </a:ext>
            </a:extLst>
          </p:cNvPr>
          <p:cNvSpPr/>
          <p:nvPr/>
        </p:nvSpPr>
        <p:spPr>
          <a:xfrm>
            <a:off x="843964" y="405213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Billing Account</a:t>
            </a:r>
          </a:p>
        </p:txBody>
      </p:sp>
      <p:sp>
        <p:nvSpPr>
          <p:cNvPr id="318" name="Rectangle: Rounded Corners 42">
            <a:extLst>
              <a:ext uri="{FF2B5EF4-FFF2-40B4-BE49-F238E27FC236}">
                <a16:creationId xmlns:a16="http://schemas.microsoft.com/office/drawing/2014/main" id="{0736E9F1-147E-4B48-8652-95E0A52B7BBC}"/>
              </a:ext>
            </a:extLst>
          </p:cNvPr>
          <p:cNvSpPr/>
          <p:nvPr/>
        </p:nvSpPr>
        <p:spPr>
          <a:xfrm>
            <a:off x="315867" y="741709"/>
            <a:ext cx="1213088" cy="24482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Billing Account Identifier</a:t>
            </a:r>
          </a:p>
        </p:txBody>
      </p:sp>
      <p:sp>
        <p:nvSpPr>
          <p:cNvPr id="319" name="Rectangle: Rounded Corners 44">
            <a:extLst>
              <a:ext uri="{FF2B5EF4-FFF2-40B4-BE49-F238E27FC236}">
                <a16:creationId xmlns:a16="http://schemas.microsoft.com/office/drawing/2014/main" id="{900C921F-3A0A-4357-900F-DF5B23D7644B}"/>
              </a:ext>
            </a:extLst>
          </p:cNvPr>
          <p:cNvSpPr/>
          <p:nvPr/>
        </p:nvSpPr>
        <p:spPr>
          <a:xfrm>
            <a:off x="1618797" y="732632"/>
            <a:ext cx="1213088" cy="244542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Account Status</a:t>
            </a:r>
            <a:endParaRPr lang="en-GB" sz="800" b="0" i="0" u="none" strike="noStrike" kern="0" cap="none" spc="0" baseline="0" dirty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30" name="Rectangle 20">
            <a:extLst>
              <a:ext uri="{FF2B5EF4-FFF2-40B4-BE49-F238E27FC236}">
                <a16:creationId xmlns:a16="http://schemas.microsoft.com/office/drawing/2014/main" id="{517FAB0E-0F58-4FEA-80ED-786E370BEA7C}"/>
              </a:ext>
            </a:extLst>
          </p:cNvPr>
          <p:cNvSpPr/>
          <p:nvPr/>
        </p:nvSpPr>
        <p:spPr>
          <a:xfrm>
            <a:off x="4822443" y="4781700"/>
            <a:ext cx="1308406" cy="310753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Entity in Scope for MVP1 Scope</a:t>
            </a:r>
          </a:p>
        </p:txBody>
      </p:sp>
      <p:sp>
        <p:nvSpPr>
          <p:cNvPr id="363" name="Rectangle: Rounded Corners 19">
            <a:extLst>
              <a:ext uri="{FF2B5EF4-FFF2-40B4-BE49-F238E27FC236}">
                <a16:creationId xmlns:a16="http://schemas.microsoft.com/office/drawing/2014/main" id="{4876B329-05EA-45D5-B4AC-526D938C001A}"/>
              </a:ext>
            </a:extLst>
          </p:cNvPr>
          <p:cNvSpPr/>
          <p:nvPr/>
        </p:nvSpPr>
        <p:spPr>
          <a:xfrm>
            <a:off x="6114955" y="2437965"/>
            <a:ext cx="2651670" cy="2014526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64" name="Rectangle 20">
            <a:extLst>
              <a:ext uri="{FF2B5EF4-FFF2-40B4-BE49-F238E27FC236}">
                <a16:creationId xmlns:a16="http://schemas.microsoft.com/office/drawing/2014/main" id="{D720271D-A9A5-4B5C-BEBA-624AC2C14978}"/>
              </a:ext>
            </a:extLst>
          </p:cNvPr>
          <p:cNvSpPr/>
          <p:nvPr/>
        </p:nvSpPr>
        <p:spPr>
          <a:xfrm>
            <a:off x="6698949" y="2305085"/>
            <a:ext cx="1461991" cy="282661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Customer Address</a:t>
            </a:r>
          </a:p>
        </p:txBody>
      </p:sp>
      <p:sp>
        <p:nvSpPr>
          <p:cNvPr id="365" name="Rectangle: Rounded Corners 23">
            <a:extLst>
              <a:ext uri="{FF2B5EF4-FFF2-40B4-BE49-F238E27FC236}">
                <a16:creationId xmlns:a16="http://schemas.microsoft.com/office/drawing/2014/main" id="{D502F2CC-EC96-4A14-9161-3EB97D4F993C}"/>
              </a:ext>
            </a:extLst>
          </p:cNvPr>
          <p:cNvSpPr/>
          <p:nvPr/>
        </p:nvSpPr>
        <p:spPr>
          <a:xfrm>
            <a:off x="7452066" y="2910894"/>
            <a:ext cx="1238152" cy="22289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Address Line 2</a:t>
            </a:r>
          </a:p>
        </p:txBody>
      </p:sp>
      <p:sp>
        <p:nvSpPr>
          <p:cNvPr id="366" name="Rectangle: Rounded Corners 28">
            <a:extLst>
              <a:ext uri="{FF2B5EF4-FFF2-40B4-BE49-F238E27FC236}">
                <a16:creationId xmlns:a16="http://schemas.microsoft.com/office/drawing/2014/main" id="{6A16A5F7-E370-4891-B8DF-4FBC312DDB9D}"/>
              </a:ext>
            </a:extLst>
          </p:cNvPr>
          <p:cNvSpPr/>
          <p:nvPr/>
        </p:nvSpPr>
        <p:spPr>
          <a:xfrm>
            <a:off x="6183091" y="2911306"/>
            <a:ext cx="1238152" cy="2228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Address Line 1</a:t>
            </a:r>
            <a:endParaRPr lang="en-GB" sz="800" i="0" u="none" strike="noStrike" kern="0" cap="none" spc="0" baseline="0" dirty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3" name="Rectangle 9">
            <a:extLst>
              <a:ext uri="{FF2B5EF4-FFF2-40B4-BE49-F238E27FC236}">
                <a16:creationId xmlns:a16="http://schemas.microsoft.com/office/drawing/2014/main" id="{C3D22962-2470-44A3-BC39-3C523527553B}"/>
              </a:ext>
            </a:extLst>
          </p:cNvPr>
          <p:cNvSpPr/>
          <p:nvPr/>
        </p:nvSpPr>
        <p:spPr>
          <a:xfrm>
            <a:off x="6421491" y="292475"/>
            <a:ext cx="1947382" cy="266452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Customer Source Identifier</a:t>
            </a:r>
          </a:p>
        </p:txBody>
      </p:sp>
      <p:sp>
        <p:nvSpPr>
          <p:cNvPr id="385" name="Rectangle: Rounded Corners 28">
            <a:extLst>
              <a:ext uri="{FF2B5EF4-FFF2-40B4-BE49-F238E27FC236}">
                <a16:creationId xmlns:a16="http://schemas.microsoft.com/office/drawing/2014/main" id="{2CE365CA-39B7-40D5-8CD8-25E3873945E0}"/>
              </a:ext>
            </a:extLst>
          </p:cNvPr>
          <p:cNvSpPr/>
          <p:nvPr/>
        </p:nvSpPr>
        <p:spPr>
          <a:xfrm>
            <a:off x="6183091" y="2649894"/>
            <a:ext cx="1238152" cy="2228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Type – Bill Service etc</a:t>
            </a:r>
          </a:p>
        </p:txBody>
      </p:sp>
      <p:sp>
        <p:nvSpPr>
          <p:cNvPr id="386" name="Rectangle: Rounded Corners 32">
            <a:extLst>
              <a:ext uri="{FF2B5EF4-FFF2-40B4-BE49-F238E27FC236}">
                <a16:creationId xmlns:a16="http://schemas.microsoft.com/office/drawing/2014/main" id="{2026660D-A8E1-4F16-8F9D-12EFF89A5A3D}"/>
              </a:ext>
            </a:extLst>
          </p:cNvPr>
          <p:cNvSpPr/>
          <p:nvPr/>
        </p:nvSpPr>
        <p:spPr>
          <a:xfrm>
            <a:off x="6053595" y="1083993"/>
            <a:ext cx="2628531" cy="1186376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387" name="Rectangle 33">
            <a:extLst>
              <a:ext uri="{FF2B5EF4-FFF2-40B4-BE49-F238E27FC236}">
                <a16:creationId xmlns:a16="http://schemas.microsoft.com/office/drawing/2014/main" id="{5EEF1CC1-B0AB-4421-A197-E14269DBF517}"/>
              </a:ext>
            </a:extLst>
          </p:cNvPr>
          <p:cNvSpPr/>
          <p:nvPr/>
        </p:nvSpPr>
        <p:spPr>
          <a:xfrm>
            <a:off x="6640947" y="954167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200" dirty="0">
                <a:solidFill>
                  <a:srgbClr val="00148C"/>
                </a:solidFill>
                <a:latin typeface="Graphik" pitchFamily="34"/>
                <a:ea typeface="ＭＳ Ｐゴシック"/>
                <a:cs typeface="Arial"/>
              </a:rPr>
              <a:t>Customer Contact</a:t>
            </a:r>
          </a:p>
        </p:txBody>
      </p:sp>
      <p:sp>
        <p:nvSpPr>
          <p:cNvPr id="389" name="Rectangle: Rounded Corners 44">
            <a:extLst>
              <a:ext uri="{FF2B5EF4-FFF2-40B4-BE49-F238E27FC236}">
                <a16:creationId xmlns:a16="http://schemas.microsoft.com/office/drawing/2014/main" id="{F1805853-1CBF-4D1A-8322-8ED7983914D5}"/>
              </a:ext>
            </a:extLst>
          </p:cNvPr>
          <p:cNvSpPr/>
          <p:nvPr/>
        </p:nvSpPr>
        <p:spPr>
          <a:xfrm>
            <a:off x="6109022" y="1295565"/>
            <a:ext cx="1213088" cy="23655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Phone Type –  Primary, Secondary</a:t>
            </a:r>
          </a:p>
        </p:txBody>
      </p:sp>
      <p:sp>
        <p:nvSpPr>
          <p:cNvPr id="405" name="Rectangle: Rounded Corners 42">
            <a:extLst>
              <a:ext uri="{FF2B5EF4-FFF2-40B4-BE49-F238E27FC236}">
                <a16:creationId xmlns:a16="http://schemas.microsoft.com/office/drawing/2014/main" id="{7FB597E5-520D-4A1E-B8EF-2A59BDE6806A}"/>
              </a:ext>
            </a:extLst>
          </p:cNvPr>
          <p:cNvSpPr/>
          <p:nvPr/>
        </p:nvSpPr>
        <p:spPr>
          <a:xfrm>
            <a:off x="315867" y="1018830"/>
            <a:ext cx="1213088" cy="24482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ffective/Start Date</a:t>
            </a:r>
          </a:p>
        </p:txBody>
      </p:sp>
      <p:sp>
        <p:nvSpPr>
          <p:cNvPr id="406" name="Rectangle: Rounded Corners 42">
            <a:extLst>
              <a:ext uri="{FF2B5EF4-FFF2-40B4-BE49-F238E27FC236}">
                <a16:creationId xmlns:a16="http://schemas.microsoft.com/office/drawing/2014/main" id="{C66D3777-A34F-4134-9CBD-5370C66925D3}"/>
              </a:ext>
            </a:extLst>
          </p:cNvPr>
          <p:cNvSpPr/>
          <p:nvPr/>
        </p:nvSpPr>
        <p:spPr>
          <a:xfrm>
            <a:off x="1612870" y="1011541"/>
            <a:ext cx="1213088" cy="24482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Termination/End Date</a:t>
            </a:r>
          </a:p>
        </p:txBody>
      </p:sp>
      <p:sp>
        <p:nvSpPr>
          <p:cNvPr id="416" name="Rectangle: Rounded Corners 23">
            <a:extLst>
              <a:ext uri="{FF2B5EF4-FFF2-40B4-BE49-F238E27FC236}">
                <a16:creationId xmlns:a16="http://schemas.microsoft.com/office/drawing/2014/main" id="{A52479B3-1B20-4765-BE4D-A94A64ACFCB5}"/>
              </a:ext>
            </a:extLst>
          </p:cNvPr>
          <p:cNvSpPr/>
          <p:nvPr/>
        </p:nvSpPr>
        <p:spPr>
          <a:xfrm>
            <a:off x="6185683" y="3174499"/>
            <a:ext cx="1238152" cy="22289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City</a:t>
            </a:r>
            <a:endParaRPr lang="en-GB" sz="8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17" name="Rectangle: Rounded Corners 23">
            <a:extLst>
              <a:ext uri="{FF2B5EF4-FFF2-40B4-BE49-F238E27FC236}">
                <a16:creationId xmlns:a16="http://schemas.microsoft.com/office/drawing/2014/main" id="{4CBEAE4D-DB9B-4D53-915A-8D1CE9161DD4}"/>
              </a:ext>
            </a:extLst>
          </p:cNvPr>
          <p:cNvSpPr/>
          <p:nvPr/>
        </p:nvSpPr>
        <p:spPr>
          <a:xfrm>
            <a:off x="7466178" y="3176718"/>
            <a:ext cx="1238152" cy="22289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State</a:t>
            </a:r>
          </a:p>
        </p:txBody>
      </p:sp>
      <p:sp>
        <p:nvSpPr>
          <p:cNvPr id="418" name="Rectangle: Rounded Corners 23">
            <a:extLst>
              <a:ext uri="{FF2B5EF4-FFF2-40B4-BE49-F238E27FC236}">
                <a16:creationId xmlns:a16="http://schemas.microsoft.com/office/drawing/2014/main" id="{0D0FC871-10DA-4970-A09B-1995D50159C1}"/>
              </a:ext>
            </a:extLst>
          </p:cNvPr>
          <p:cNvSpPr/>
          <p:nvPr/>
        </p:nvSpPr>
        <p:spPr>
          <a:xfrm>
            <a:off x="6185683" y="3438973"/>
            <a:ext cx="1238152" cy="22289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Zip</a:t>
            </a:r>
            <a:endParaRPr lang="en-GB" sz="800" i="0" u="none" strike="noStrike" kern="0" cap="none" spc="0" baseline="0" dirty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4" name="Rectangle: Rounded Corners 23">
            <a:extLst>
              <a:ext uri="{FF2B5EF4-FFF2-40B4-BE49-F238E27FC236}">
                <a16:creationId xmlns:a16="http://schemas.microsoft.com/office/drawing/2014/main" id="{61B6E784-5F57-48A7-8B7A-1F4A24E0C995}"/>
              </a:ext>
            </a:extLst>
          </p:cNvPr>
          <p:cNvSpPr/>
          <p:nvPr/>
        </p:nvSpPr>
        <p:spPr>
          <a:xfrm>
            <a:off x="6147098" y="4791904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Reference Data Attribute in Scope</a:t>
            </a:r>
            <a:endParaRPr lang="en-GB" sz="10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445" name="Rectangle: Rounded Corners 23">
            <a:extLst>
              <a:ext uri="{FF2B5EF4-FFF2-40B4-BE49-F238E27FC236}">
                <a16:creationId xmlns:a16="http://schemas.microsoft.com/office/drawing/2014/main" id="{8F1BA791-CE14-4FB1-BA6A-72A3CB1B2C3D}"/>
              </a:ext>
            </a:extLst>
          </p:cNvPr>
          <p:cNvSpPr/>
          <p:nvPr/>
        </p:nvSpPr>
        <p:spPr>
          <a:xfrm>
            <a:off x="7419753" y="4791903"/>
            <a:ext cx="1238152" cy="3038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>
                <a:solidFill>
                  <a:schemeClr val="bg1"/>
                </a:solidFill>
                <a:latin typeface="Graphik" pitchFamily="34"/>
                <a:ea typeface="ＭＳ Ｐゴシック"/>
                <a:cs typeface="Arial"/>
              </a:rPr>
              <a:t>MVP1 Attribute in Scope</a:t>
            </a:r>
            <a:endParaRPr lang="en-GB" sz="1000" i="0" u="none" strike="noStrike" kern="0" cap="none" spc="0" baseline="0">
              <a:solidFill>
                <a:schemeClr val="bg1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5" name="Rectangle: Rounded Corners 19">
            <a:extLst>
              <a:ext uri="{FF2B5EF4-FFF2-40B4-BE49-F238E27FC236}">
                <a16:creationId xmlns:a16="http://schemas.microsoft.com/office/drawing/2014/main" id="{F3A46AEB-4A5E-4111-9045-8FD8BA026F89}"/>
              </a:ext>
            </a:extLst>
          </p:cNvPr>
          <p:cNvSpPr/>
          <p:nvPr/>
        </p:nvSpPr>
        <p:spPr>
          <a:xfrm>
            <a:off x="4697652" y="4543200"/>
            <a:ext cx="3980506" cy="585824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t" anchorCtr="0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dirty="0">
                <a:solidFill>
                  <a:schemeClr val="tx1">
                    <a:lumMod val="50000"/>
                  </a:schemeClr>
                </a:solidFill>
                <a:latin typeface="Graphik" pitchFamily="34"/>
                <a:ea typeface="ＭＳ Ｐゴシック"/>
                <a:cs typeface="Arial"/>
              </a:rPr>
              <a:t>Legend</a:t>
            </a:r>
            <a:endParaRPr lang="en-GB" sz="1100" i="0" u="none" strike="noStrike" kern="0" cap="none" spc="0" baseline="0" dirty="0">
              <a:solidFill>
                <a:schemeClr val="tx1">
                  <a:lumMod val="5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1" name="Rectangle: Rounded Corners 44">
            <a:extLst>
              <a:ext uri="{FF2B5EF4-FFF2-40B4-BE49-F238E27FC236}">
                <a16:creationId xmlns:a16="http://schemas.microsoft.com/office/drawing/2014/main" id="{BCBBD039-2FE5-4CA0-91A2-717A380DF497}"/>
              </a:ext>
            </a:extLst>
          </p:cNvPr>
          <p:cNvSpPr/>
          <p:nvPr/>
        </p:nvSpPr>
        <p:spPr>
          <a:xfrm>
            <a:off x="6125331" y="1562340"/>
            <a:ext cx="1213088" cy="23655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Phone Number</a:t>
            </a:r>
            <a:endParaRPr lang="en-GB" sz="800" b="0" i="0" u="none" strike="noStrike" kern="0" cap="none" spc="0" baseline="0" dirty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2" name="Rectangle: Rounded Corners 44">
            <a:extLst>
              <a:ext uri="{FF2B5EF4-FFF2-40B4-BE49-F238E27FC236}">
                <a16:creationId xmlns:a16="http://schemas.microsoft.com/office/drawing/2014/main" id="{E356B695-ED42-40A1-9FD0-22E00657804D}"/>
              </a:ext>
            </a:extLst>
          </p:cNvPr>
          <p:cNvSpPr/>
          <p:nvPr/>
        </p:nvSpPr>
        <p:spPr>
          <a:xfrm>
            <a:off x="7389550" y="1554794"/>
            <a:ext cx="1213088" cy="23655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ail Address</a:t>
            </a:r>
          </a:p>
        </p:txBody>
      </p:sp>
      <p:sp>
        <p:nvSpPr>
          <p:cNvPr id="64" name="Rectangle: Rounded Corners 44">
            <a:extLst>
              <a:ext uri="{FF2B5EF4-FFF2-40B4-BE49-F238E27FC236}">
                <a16:creationId xmlns:a16="http://schemas.microsoft.com/office/drawing/2014/main" id="{9D6F7E5C-A51C-4F29-96E4-105D60480E07}"/>
              </a:ext>
            </a:extLst>
          </p:cNvPr>
          <p:cNvSpPr/>
          <p:nvPr/>
        </p:nvSpPr>
        <p:spPr>
          <a:xfrm>
            <a:off x="7375241" y="1295184"/>
            <a:ext cx="1213088" cy="23655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Email Type –  Home, Cell, Work </a:t>
            </a:r>
          </a:p>
        </p:txBody>
      </p:sp>
      <p:sp>
        <p:nvSpPr>
          <p:cNvPr id="67" name="Rectangle: Rounded Corners 28">
            <a:extLst>
              <a:ext uri="{FF2B5EF4-FFF2-40B4-BE49-F238E27FC236}">
                <a16:creationId xmlns:a16="http://schemas.microsoft.com/office/drawing/2014/main" id="{CDE1A578-5D0B-4D2B-8E03-F7D962D33AF5}"/>
              </a:ext>
            </a:extLst>
          </p:cNvPr>
          <p:cNvSpPr/>
          <p:nvPr/>
        </p:nvSpPr>
        <p:spPr>
          <a:xfrm>
            <a:off x="7455437" y="2658319"/>
            <a:ext cx="1238152" cy="2228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Status – Active, Inactive </a:t>
            </a:r>
          </a:p>
        </p:txBody>
      </p:sp>
      <p:sp>
        <p:nvSpPr>
          <p:cNvPr id="68" name="Rectangle: Rounded Corners 28">
            <a:extLst>
              <a:ext uri="{FF2B5EF4-FFF2-40B4-BE49-F238E27FC236}">
                <a16:creationId xmlns:a16="http://schemas.microsoft.com/office/drawing/2014/main" id="{CDF5F696-7A39-4649-A70A-281C4EA62FE3}"/>
              </a:ext>
            </a:extLst>
          </p:cNvPr>
          <p:cNvSpPr/>
          <p:nvPr/>
        </p:nvSpPr>
        <p:spPr>
          <a:xfrm>
            <a:off x="6191183" y="3694431"/>
            <a:ext cx="1238152" cy="2228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Latitude</a:t>
            </a:r>
            <a:endParaRPr lang="en-GB" sz="800" b="0" dirty="0">
              <a:solidFill>
                <a:srgbClr val="FFFFFF"/>
              </a:solidFill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69" name="Rectangle: Rounded Corners 23">
            <a:extLst>
              <a:ext uri="{FF2B5EF4-FFF2-40B4-BE49-F238E27FC236}">
                <a16:creationId xmlns:a16="http://schemas.microsoft.com/office/drawing/2014/main" id="{4B26688B-5C66-4E95-BAC3-00D085A5311E}"/>
              </a:ext>
            </a:extLst>
          </p:cNvPr>
          <p:cNvSpPr/>
          <p:nvPr/>
        </p:nvSpPr>
        <p:spPr>
          <a:xfrm>
            <a:off x="7448646" y="3437146"/>
            <a:ext cx="1238152" cy="22289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Country</a:t>
            </a:r>
          </a:p>
        </p:txBody>
      </p:sp>
      <p:sp>
        <p:nvSpPr>
          <p:cNvPr id="70" name="Rectangle: Rounded Corners 28">
            <a:extLst>
              <a:ext uri="{FF2B5EF4-FFF2-40B4-BE49-F238E27FC236}">
                <a16:creationId xmlns:a16="http://schemas.microsoft.com/office/drawing/2014/main" id="{DCF4737A-FA93-4A28-90E3-6E5535162266}"/>
              </a:ext>
            </a:extLst>
          </p:cNvPr>
          <p:cNvSpPr/>
          <p:nvPr/>
        </p:nvSpPr>
        <p:spPr>
          <a:xfrm>
            <a:off x="7452066" y="3693798"/>
            <a:ext cx="1238152" cy="2228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00" b="0" i="0" dirty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Longitude</a:t>
            </a:r>
            <a:endParaRPr lang="en-GB" sz="800" b="0" dirty="0">
              <a:solidFill>
                <a:schemeClr val="bg1"/>
              </a:solidFill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79" name="Rectangle: Rounded Corners 44">
            <a:extLst>
              <a:ext uri="{FF2B5EF4-FFF2-40B4-BE49-F238E27FC236}">
                <a16:creationId xmlns:a16="http://schemas.microsoft.com/office/drawing/2014/main" id="{3134C578-973D-4DDA-8CED-336F847BB865}"/>
              </a:ext>
            </a:extLst>
          </p:cNvPr>
          <p:cNvSpPr/>
          <p:nvPr/>
        </p:nvSpPr>
        <p:spPr>
          <a:xfrm>
            <a:off x="303911" y="1292562"/>
            <a:ext cx="1213088" cy="244542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ccount  Type –  Residential, Commercial</a:t>
            </a:r>
          </a:p>
        </p:txBody>
      </p:sp>
      <p:sp>
        <p:nvSpPr>
          <p:cNvPr id="80" name="Rectangle: Rounded Corners 44">
            <a:extLst>
              <a:ext uri="{FF2B5EF4-FFF2-40B4-BE49-F238E27FC236}">
                <a16:creationId xmlns:a16="http://schemas.microsoft.com/office/drawing/2014/main" id="{AAFA2CFD-3D81-47BC-AA90-3B124B8DD720}"/>
              </a:ext>
            </a:extLst>
          </p:cNvPr>
          <p:cNvSpPr/>
          <p:nvPr/>
        </p:nvSpPr>
        <p:spPr>
          <a:xfrm>
            <a:off x="1601492" y="1289255"/>
            <a:ext cx="1213088" cy="244542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Account Product – Gas, Electric</a:t>
            </a:r>
            <a:endParaRPr lang="en-GB" sz="800" b="0" i="0" u="none" strike="noStrike" kern="0" cap="none" spc="0" baseline="0" dirty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81" name="Rectangle: Rounded Corners 44">
            <a:extLst>
              <a:ext uri="{FF2B5EF4-FFF2-40B4-BE49-F238E27FC236}">
                <a16:creationId xmlns:a16="http://schemas.microsoft.com/office/drawing/2014/main" id="{117952B7-E39F-472C-B470-D823E5854140}"/>
              </a:ext>
            </a:extLst>
          </p:cNvPr>
          <p:cNvSpPr/>
          <p:nvPr/>
        </p:nvSpPr>
        <p:spPr>
          <a:xfrm>
            <a:off x="315867" y="1564819"/>
            <a:ext cx="1213088" cy="244542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Source System</a:t>
            </a: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 –  CRIS, CSS</a:t>
            </a:r>
          </a:p>
        </p:txBody>
      </p:sp>
      <p:sp>
        <p:nvSpPr>
          <p:cNvPr id="82" name="Rectangle: Rounded Corners 28">
            <a:extLst>
              <a:ext uri="{FF2B5EF4-FFF2-40B4-BE49-F238E27FC236}">
                <a16:creationId xmlns:a16="http://schemas.microsoft.com/office/drawing/2014/main" id="{9D57785D-1755-46FA-BD7F-B2F63E71A308}"/>
              </a:ext>
            </a:extLst>
          </p:cNvPr>
          <p:cNvSpPr/>
          <p:nvPr/>
        </p:nvSpPr>
        <p:spPr>
          <a:xfrm>
            <a:off x="6116186" y="1815891"/>
            <a:ext cx="1224361" cy="3891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rich:  Verification Status, Country, Line Type, Format, Geo Area</a:t>
            </a:r>
          </a:p>
        </p:txBody>
      </p:sp>
      <p:sp>
        <p:nvSpPr>
          <p:cNvPr id="83" name="Rectangle: Rounded Corners 32">
            <a:extLst>
              <a:ext uri="{FF2B5EF4-FFF2-40B4-BE49-F238E27FC236}">
                <a16:creationId xmlns:a16="http://schemas.microsoft.com/office/drawing/2014/main" id="{5B4B35AE-2197-4C62-AFD4-830381A6539C}"/>
              </a:ext>
            </a:extLst>
          </p:cNvPr>
          <p:cNvSpPr/>
          <p:nvPr/>
        </p:nvSpPr>
        <p:spPr>
          <a:xfrm>
            <a:off x="283056" y="2021852"/>
            <a:ext cx="2628531" cy="762255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84" name="Rectangle 33">
            <a:extLst>
              <a:ext uri="{FF2B5EF4-FFF2-40B4-BE49-F238E27FC236}">
                <a16:creationId xmlns:a16="http://schemas.microsoft.com/office/drawing/2014/main" id="{8AE98B21-EABD-43E0-B550-A54C6D5C98F1}"/>
              </a:ext>
            </a:extLst>
          </p:cNvPr>
          <p:cNvSpPr/>
          <p:nvPr/>
        </p:nvSpPr>
        <p:spPr>
          <a:xfrm>
            <a:off x="870408" y="1882882"/>
            <a:ext cx="1461991" cy="287809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1200" dirty="0">
                <a:solidFill>
                  <a:srgbClr val="00148C"/>
                </a:solidFill>
                <a:latin typeface="Graphik" pitchFamily="34"/>
                <a:ea typeface="ＭＳ Ｐゴシック"/>
                <a:cs typeface="Arial"/>
              </a:rPr>
              <a:t>Account Contact</a:t>
            </a:r>
          </a:p>
        </p:txBody>
      </p:sp>
      <p:sp>
        <p:nvSpPr>
          <p:cNvPr id="85" name="Rectangle: Rounded Corners 44">
            <a:extLst>
              <a:ext uri="{FF2B5EF4-FFF2-40B4-BE49-F238E27FC236}">
                <a16:creationId xmlns:a16="http://schemas.microsoft.com/office/drawing/2014/main" id="{276F825A-C94F-4184-8E05-570DDB7B1526}"/>
              </a:ext>
            </a:extLst>
          </p:cNvPr>
          <p:cNvSpPr/>
          <p:nvPr/>
        </p:nvSpPr>
        <p:spPr>
          <a:xfrm>
            <a:off x="338483" y="2215136"/>
            <a:ext cx="1213088" cy="238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Phone Type –  Primary, Secondary</a:t>
            </a:r>
          </a:p>
        </p:txBody>
      </p:sp>
      <p:sp>
        <p:nvSpPr>
          <p:cNvPr id="86" name="Rectangle: Rounded Corners 44">
            <a:extLst>
              <a:ext uri="{FF2B5EF4-FFF2-40B4-BE49-F238E27FC236}">
                <a16:creationId xmlns:a16="http://schemas.microsoft.com/office/drawing/2014/main" id="{2BCDC287-BE45-44D5-8D07-4C7AEA3DE035}"/>
              </a:ext>
            </a:extLst>
          </p:cNvPr>
          <p:cNvSpPr/>
          <p:nvPr/>
        </p:nvSpPr>
        <p:spPr>
          <a:xfrm>
            <a:off x="336504" y="2481911"/>
            <a:ext cx="1213088" cy="238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Phone Number</a:t>
            </a:r>
            <a:endParaRPr lang="en-GB" sz="800" b="0" i="0" u="none" strike="noStrike" kern="0" cap="none" spc="0" baseline="0" dirty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87" name="Rectangle: Rounded Corners 44">
            <a:extLst>
              <a:ext uri="{FF2B5EF4-FFF2-40B4-BE49-F238E27FC236}">
                <a16:creationId xmlns:a16="http://schemas.microsoft.com/office/drawing/2014/main" id="{D72236EA-BD03-476A-B4E6-C4D6B0CEF46C}"/>
              </a:ext>
            </a:extLst>
          </p:cNvPr>
          <p:cNvSpPr/>
          <p:nvPr/>
        </p:nvSpPr>
        <p:spPr>
          <a:xfrm>
            <a:off x="1600723" y="2474365"/>
            <a:ext cx="1213088" cy="238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Email Address</a:t>
            </a:r>
          </a:p>
        </p:txBody>
      </p:sp>
      <p:sp>
        <p:nvSpPr>
          <p:cNvPr id="88" name="Rectangle: Rounded Corners 44">
            <a:extLst>
              <a:ext uri="{FF2B5EF4-FFF2-40B4-BE49-F238E27FC236}">
                <a16:creationId xmlns:a16="http://schemas.microsoft.com/office/drawing/2014/main" id="{857622AF-8F52-4D40-A5A3-B7634C1465DD}"/>
              </a:ext>
            </a:extLst>
          </p:cNvPr>
          <p:cNvSpPr/>
          <p:nvPr/>
        </p:nvSpPr>
        <p:spPr>
          <a:xfrm>
            <a:off x="1604702" y="2214755"/>
            <a:ext cx="1213088" cy="238498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b="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Email Type –  Home, Cell, Work </a:t>
            </a:r>
          </a:p>
        </p:txBody>
      </p:sp>
      <p:sp>
        <p:nvSpPr>
          <p:cNvPr id="90" name="Rectangle: Rounded Corners 19">
            <a:extLst>
              <a:ext uri="{FF2B5EF4-FFF2-40B4-BE49-F238E27FC236}">
                <a16:creationId xmlns:a16="http://schemas.microsoft.com/office/drawing/2014/main" id="{7DA97186-1858-4183-8E70-4F2CFDD267AC}"/>
              </a:ext>
            </a:extLst>
          </p:cNvPr>
          <p:cNvSpPr/>
          <p:nvPr/>
        </p:nvSpPr>
        <p:spPr>
          <a:xfrm>
            <a:off x="256858" y="2960296"/>
            <a:ext cx="2651670" cy="2014527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ctr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1" i="0" u="none" strike="noStrike" kern="0" cap="none" spc="0" baseline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91" name="Rectangle 20">
            <a:extLst>
              <a:ext uri="{FF2B5EF4-FFF2-40B4-BE49-F238E27FC236}">
                <a16:creationId xmlns:a16="http://schemas.microsoft.com/office/drawing/2014/main" id="{215A468E-9528-48D0-985D-F341BE1390BB}"/>
              </a:ext>
            </a:extLst>
          </p:cNvPr>
          <p:cNvSpPr/>
          <p:nvPr/>
        </p:nvSpPr>
        <p:spPr>
          <a:xfrm>
            <a:off x="840852" y="2809128"/>
            <a:ext cx="1461991" cy="282661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200" b="1" i="0" u="none" strike="noStrike" kern="0" cap="none" spc="0" baseline="0" dirty="0">
                <a:solidFill>
                  <a:srgbClr val="00148C"/>
                </a:solidFill>
                <a:uFillTx/>
                <a:latin typeface="Graphik" pitchFamily="34"/>
                <a:ea typeface="ＭＳ Ｐゴシック"/>
                <a:cs typeface="Arial"/>
              </a:rPr>
              <a:t>Account Address</a:t>
            </a:r>
          </a:p>
        </p:txBody>
      </p:sp>
      <p:sp>
        <p:nvSpPr>
          <p:cNvPr id="92" name="Rectangle: Rounded Corners 23">
            <a:extLst>
              <a:ext uri="{FF2B5EF4-FFF2-40B4-BE49-F238E27FC236}">
                <a16:creationId xmlns:a16="http://schemas.microsoft.com/office/drawing/2014/main" id="{0D2B9BB9-ACC6-4F1F-A6BA-215464347BE2}"/>
              </a:ext>
            </a:extLst>
          </p:cNvPr>
          <p:cNvSpPr/>
          <p:nvPr/>
        </p:nvSpPr>
        <p:spPr>
          <a:xfrm>
            <a:off x="1584825" y="3396649"/>
            <a:ext cx="1238152" cy="213263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Address Line 2</a:t>
            </a:r>
          </a:p>
        </p:txBody>
      </p:sp>
      <p:sp>
        <p:nvSpPr>
          <p:cNvPr id="93" name="Rectangle: Rounded Corners 28">
            <a:extLst>
              <a:ext uri="{FF2B5EF4-FFF2-40B4-BE49-F238E27FC236}">
                <a16:creationId xmlns:a16="http://schemas.microsoft.com/office/drawing/2014/main" id="{327CC9A5-A63A-4821-8458-5492E91F0870}"/>
              </a:ext>
            </a:extLst>
          </p:cNvPr>
          <p:cNvSpPr/>
          <p:nvPr/>
        </p:nvSpPr>
        <p:spPr>
          <a:xfrm>
            <a:off x="315850" y="3387917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Address Line 1</a:t>
            </a:r>
            <a:endParaRPr lang="en-GB" sz="800" i="0" u="none" strike="noStrike" kern="0" cap="none" spc="0" baseline="0" dirty="0">
              <a:solidFill>
                <a:srgbClr val="FFFFFF"/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94" name="Rectangle: Rounded Corners 28">
            <a:extLst>
              <a:ext uri="{FF2B5EF4-FFF2-40B4-BE49-F238E27FC236}">
                <a16:creationId xmlns:a16="http://schemas.microsoft.com/office/drawing/2014/main" id="{226DEDD0-3CC9-43C9-983A-9E450F0EA85F}"/>
              </a:ext>
            </a:extLst>
          </p:cNvPr>
          <p:cNvSpPr/>
          <p:nvPr/>
        </p:nvSpPr>
        <p:spPr>
          <a:xfrm>
            <a:off x="324994" y="3144793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Type – Bill Service etc</a:t>
            </a:r>
          </a:p>
        </p:txBody>
      </p:sp>
      <p:sp>
        <p:nvSpPr>
          <p:cNvPr id="95" name="Rectangle: Rounded Corners 23">
            <a:extLst>
              <a:ext uri="{FF2B5EF4-FFF2-40B4-BE49-F238E27FC236}">
                <a16:creationId xmlns:a16="http://schemas.microsoft.com/office/drawing/2014/main" id="{07B1B1EF-0419-42BB-8ACC-F5C5CE7BE683}"/>
              </a:ext>
            </a:extLst>
          </p:cNvPr>
          <p:cNvSpPr/>
          <p:nvPr/>
        </p:nvSpPr>
        <p:spPr>
          <a:xfrm>
            <a:off x="318442" y="3641966"/>
            <a:ext cx="1238152" cy="213263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City</a:t>
            </a:r>
            <a:endParaRPr lang="en-GB" sz="8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96" name="Rectangle: Rounded Corners 23">
            <a:extLst>
              <a:ext uri="{FF2B5EF4-FFF2-40B4-BE49-F238E27FC236}">
                <a16:creationId xmlns:a16="http://schemas.microsoft.com/office/drawing/2014/main" id="{79F4E240-DD3C-46E9-AE83-2AEB630E4B91}"/>
              </a:ext>
            </a:extLst>
          </p:cNvPr>
          <p:cNvSpPr/>
          <p:nvPr/>
        </p:nvSpPr>
        <p:spPr>
          <a:xfrm>
            <a:off x="1589793" y="3644185"/>
            <a:ext cx="1238152" cy="213263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State</a:t>
            </a:r>
          </a:p>
        </p:txBody>
      </p:sp>
      <p:sp>
        <p:nvSpPr>
          <p:cNvPr id="97" name="Rectangle: Rounded Corners 23">
            <a:extLst>
              <a:ext uri="{FF2B5EF4-FFF2-40B4-BE49-F238E27FC236}">
                <a16:creationId xmlns:a16="http://schemas.microsoft.com/office/drawing/2014/main" id="{3B1E989C-15FD-4E51-8CAA-7D7351C4159A}"/>
              </a:ext>
            </a:extLst>
          </p:cNvPr>
          <p:cNvSpPr/>
          <p:nvPr/>
        </p:nvSpPr>
        <p:spPr>
          <a:xfrm>
            <a:off x="318442" y="3888152"/>
            <a:ext cx="1238152" cy="213263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dirty="0">
                <a:solidFill>
                  <a:schemeClr val="accent3">
                    <a:lumMod val="60000"/>
                    <a:lumOff val="40000"/>
                  </a:schemeClr>
                </a:solidFill>
                <a:latin typeface="Graphik" pitchFamily="34"/>
                <a:ea typeface="ＭＳ Ｐゴシック"/>
                <a:cs typeface="Arial"/>
              </a:rPr>
              <a:t>Zip</a:t>
            </a:r>
            <a:endParaRPr lang="en-GB" sz="800" i="0" u="none" strike="noStrike" kern="0" cap="none" spc="0" baseline="0" dirty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98" name="Rectangle: Rounded Corners 28">
            <a:extLst>
              <a:ext uri="{FF2B5EF4-FFF2-40B4-BE49-F238E27FC236}">
                <a16:creationId xmlns:a16="http://schemas.microsoft.com/office/drawing/2014/main" id="{64E7F718-B2C2-4F02-9FC4-ADDB1B55CFCD}"/>
              </a:ext>
            </a:extLst>
          </p:cNvPr>
          <p:cNvSpPr/>
          <p:nvPr/>
        </p:nvSpPr>
        <p:spPr>
          <a:xfrm>
            <a:off x="1597340" y="3153218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Address Status – Active, Inactive </a:t>
            </a:r>
          </a:p>
        </p:txBody>
      </p:sp>
      <p:sp>
        <p:nvSpPr>
          <p:cNvPr id="99" name="Rectangle: Rounded Corners 28">
            <a:extLst>
              <a:ext uri="{FF2B5EF4-FFF2-40B4-BE49-F238E27FC236}">
                <a16:creationId xmlns:a16="http://schemas.microsoft.com/office/drawing/2014/main" id="{FEC7DB9E-C0AC-4B4F-B29B-82596B648128}"/>
              </a:ext>
            </a:extLst>
          </p:cNvPr>
          <p:cNvSpPr/>
          <p:nvPr/>
        </p:nvSpPr>
        <p:spPr>
          <a:xfrm>
            <a:off x="323942" y="4134466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800" b="0" dirty="0">
                <a:solidFill>
                  <a:schemeClr val="bg1"/>
                </a:solidFill>
                <a:latin typeface="Calibri" panose="020F0502020204030204" pitchFamily="34" charset="0"/>
              </a:rPr>
              <a:t>Doing Business As (DBA)</a:t>
            </a:r>
          </a:p>
        </p:txBody>
      </p:sp>
      <p:sp>
        <p:nvSpPr>
          <p:cNvPr id="100" name="Rectangle: Rounded Corners 23">
            <a:extLst>
              <a:ext uri="{FF2B5EF4-FFF2-40B4-BE49-F238E27FC236}">
                <a16:creationId xmlns:a16="http://schemas.microsoft.com/office/drawing/2014/main" id="{E667A32E-933C-44CF-8F8F-6EC0F111D526}"/>
              </a:ext>
            </a:extLst>
          </p:cNvPr>
          <p:cNvSpPr/>
          <p:nvPr/>
        </p:nvSpPr>
        <p:spPr>
          <a:xfrm>
            <a:off x="1581405" y="3895469"/>
            <a:ext cx="1238152" cy="213263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Graphik" pitchFamily="34"/>
                <a:ea typeface="ＭＳ Ｐゴシック"/>
                <a:cs typeface="Arial"/>
              </a:rPr>
              <a:t>Country</a:t>
            </a:r>
          </a:p>
        </p:txBody>
      </p:sp>
      <p:sp>
        <p:nvSpPr>
          <p:cNvPr id="101" name="Rectangle: Rounded Corners 28">
            <a:extLst>
              <a:ext uri="{FF2B5EF4-FFF2-40B4-BE49-F238E27FC236}">
                <a16:creationId xmlns:a16="http://schemas.microsoft.com/office/drawing/2014/main" id="{CB31CE84-16FE-4CE1-84D2-1962E1E12920}"/>
              </a:ext>
            </a:extLst>
          </p:cNvPr>
          <p:cNvSpPr/>
          <p:nvPr/>
        </p:nvSpPr>
        <p:spPr>
          <a:xfrm>
            <a:off x="1584825" y="4133833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800" b="0" dirty="0">
                <a:solidFill>
                  <a:schemeClr val="bg1"/>
                </a:solidFill>
                <a:latin typeface="Calibri" panose="020F0502020204030204" pitchFamily="34" charset="0"/>
              </a:rPr>
              <a:t>Care Of (C/O)</a:t>
            </a:r>
          </a:p>
        </p:txBody>
      </p:sp>
      <p:sp>
        <p:nvSpPr>
          <p:cNvPr id="103" name="Rectangle: Rounded Corners 28">
            <a:extLst>
              <a:ext uri="{FF2B5EF4-FFF2-40B4-BE49-F238E27FC236}">
                <a16:creationId xmlns:a16="http://schemas.microsoft.com/office/drawing/2014/main" id="{3B29A6BE-F657-4165-9A22-E59800A90D18}"/>
              </a:ext>
            </a:extLst>
          </p:cNvPr>
          <p:cNvSpPr/>
          <p:nvPr/>
        </p:nvSpPr>
        <p:spPr>
          <a:xfrm>
            <a:off x="323942" y="4630200"/>
            <a:ext cx="2497687" cy="250361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rich – Verified Status &amp; Detail, Country, ACV, Geo Accuracy, ISO 3166 information  </a:t>
            </a:r>
          </a:p>
        </p:txBody>
      </p:sp>
      <p:sp>
        <p:nvSpPr>
          <p:cNvPr id="108" name="Rectangle: Rounded Corners 18">
            <a:extLst>
              <a:ext uri="{FF2B5EF4-FFF2-40B4-BE49-F238E27FC236}">
                <a16:creationId xmlns:a16="http://schemas.microsoft.com/office/drawing/2014/main" id="{88074A48-294B-4059-B707-101E4A26654A}"/>
              </a:ext>
            </a:extLst>
          </p:cNvPr>
          <p:cNvSpPr/>
          <p:nvPr/>
        </p:nvSpPr>
        <p:spPr>
          <a:xfrm>
            <a:off x="1600338" y="1573499"/>
            <a:ext cx="1238152" cy="240432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800" i="0" u="none" strike="noStrike" kern="0" cap="none" spc="0" baseline="0" dirty="0">
                <a:solidFill>
                  <a:srgbClr val="FFFFFF"/>
                </a:solidFill>
                <a:uFillTx/>
                <a:latin typeface="Graphik" pitchFamily="34"/>
                <a:ea typeface="ＭＳ Ｐゴシック"/>
                <a:cs typeface="Arial"/>
              </a:rPr>
              <a:t>SSN/TIN</a:t>
            </a:r>
          </a:p>
        </p:txBody>
      </p:sp>
      <p:sp>
        <p:nvSpPr>
          <p:cNvPr id="89" name="Rectangle: Rounded Corners 8">
            <a:extLst>
              <a:ext uri="{FF2B5EF4-FFF2-40B4-BE49-F238E27FC236}">
                <a16:creationId xmlns:a16="http://schemas.microsoft.com/office/drawing/2014/main" id="{059B915A-FC0A-4964-BD65-CEA11F5D8F10}"/>
              </a:ext>
            </a:extLst>
          </p:cNvPr>
          <p:cNvSpPr/>
          <p:nvPr/>
        </p:nvSpPr>
        <p:spPr>
          <a:xfrm>
            <a:off x="3226804" y="569248"/>
            <a:ext cx="2651670" cy="3883243"/>
          </a:xfrm>
          <a:custGeom>
            <a:avLst>
              <a:gd name="f0" fmla="val 1905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noFill/>
          <a:ln w="9528" cap="flat">
            <a:solidFill>
              <a:srgbClr val="00148C"/>
            </a:solidFill>
            <a:custDash>
              <a:ds d="299906" sp="299906"/>
            </a:custDash>
            <a:round/>
          </a:ln>
        </p:spPr>
        <p:txBody>
          <a:bodyPr vert="horz" wrap="square" lIns="91430" tIns="45720" rIns="91430" bIns="45720" anchor="t" anchorCtr="0" compatLnSpc="1">
            <a:noAutofit/>
          </a:bodyPr>
          <a:lstStyle/>
          <a:p>
            <a:pPr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r>
              <a:rPr lang="en-GB" sz="700" b="1" kern="0" dirty="0">
                <a:solidFill>
                  <a:schemeClr val="accent1">
                    <a:lumMod val="75000"/>
                  </a:schemeClr>
                </a:solidFill>
                <a:latin typeface="+mj-lt"/>
                <a:ea typeface="ＭＳ Ｐゴシック"/>
                <a:cs typeface="Arial"/>
              </a:rPr>
              <a:t>Individual</a:t>
            </a:r>
          </a:p>
          <a:p>
            <a:pPr algn="ctr"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  <a:p>
            <a:pPr algn="ctr">
              <a:spcAft>
                <a:spcPts val="450"/>
              </a:spcAft>
            </a:pPr>
            <a:r>
              <a:rPr lang="en-GB" sz="700" dirty="0">
                <a:solidFill>
                  <a:schemeClr val="accent1">
                    <a:lumMod val="75000"/>
                  </a:schemeClr>
                </a:solidFill>
                <a:latin typeface="+mj-lt"/>
                <a:ea typeface="ＭＳ Ｐゴシック"/>
                <a:cs typeface="Arial"/>
              </a:rPr>
              <a:t>Organization</a:t>
            </a:r>
          </a:p>
          <a:p>
            <a:pPr algn="ctr">
              <a:spcAft>
                <a:spcPts val="450"/>
              </a:spcAft>
            </a:pPr>
            <a:endParaRPr lang="en-GB" sz="700" b="1" kern="0" dirty="0">
              <a:solidFill>
                <a:schemeClr val="accent1">
                  <a:lumMod val="75000"/>
                </a:schemeClr>
              </a:solidFill>
              <a:latin typeface="+mj-lt"/>
              <a:ea typeface="ＭＳ Ｐゴシック"/>
              <a:cs typeface="Arial"/>
            </a:endParaRPr>
          </a:p>
        </p:txBody>
      </p:sp>
      <p:sp>
        <p:nvSpPr>
          <p:cNvPr id="104" name="Rectangle 9">
            <a:extLst>
              <a:ext uri="{FF2B5EF4-FFF2-40B4-BE49-F238E27FC236}">
                <a16:creationId xmlns:a16="http://schemas.microsoft.com/office/drawing/2014/main" id="{03B800F7-529E-4C83-869B-5FFA55BDC0C3}"/>
              </a:ext>
            </a:extLst>
          </p:cNvPr>
          <p:cNvSpPr/>
          <p:nvPr/>
        </p:nvSpPr>
        <p:spPr>
          <a:xfrm>
            <a:off x="3752346" y="423884"/>
            <a:ext cx="1588162" cy="297247"/>
          </a:xfrm>
          <a:prstGeom prst="rect">
            <a:avLst/>
          </a:prstGeom>
          <a:solidFill>
            <a:srgbClr val="00B050"/>
          </a:solidFill>
          <a:ln w="9528" cap="flat">
            <a:solidFill>
              <a:srgbClr val="002060"/>
            </a:solidFill>
            <a:prstDash val="solid"/>
            <a:round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000" b="1" i="0" u="none" strike="noStrike" kern="0" cap="none" spc="0" baseline="0">
                <a:solidFill>
                  <a:srgbClr val="00148C"/>
                </a:solidFill>
                <a:uFillTx/>
                <a:latin typeface="+mj-lt"/>
                <a:ea typeface="ＭＳ Ｐゴシック"/>
                <a:cs typeface="Arial"/>
              </a:rPr>
              <a:t>Customer</a:t>
            </a:r>
          </a:p>
        </p:txBody>
      </p:sp>
      <p:sp>
        <p:nvSpPr>
          <p:cNvPr id="105" name="Rectangle: Rounded Corners 10">
            <a:extLst>
              <a:ext uri="{FF2B5EF4-FFF2-40B4-BE49-F238E27FC236}">
                <a16:creationId xmlns:a16="http://schemas.microsoft.com/office/drawing/2014/main" id="{16BCF838-F37F-4E38-ABB0-EEEE0FACD919}"/>
              </a:ext>
            </a:extLst>
          </p:cNvPr>
          <p:cNvSpPr/>
          <p:nvPr/>
        </p:nvSpPr>
        <p:spPr>
          <a:xfrm>
            <a:off x="3293921" y="764429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Enterprise Customer Identifier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06" name="Rectangle: Rounded Corners 18">
            <a:extLst>
              <a:ext uri="{FF2B5EF4-FFF2-40B4-BE49-F238E27FC236}">
                <a16:creationId xmlns:a16="http://schemas.microsoft.com/office/drawing/2014/main" id="{F1FCBC82-1054-45E6-9321-AEA548A79B9D}"/>
              </a:ext>
            </a:extLst>
          </p:cNvPr>
          <p:cNvSpPr/>
          <p:nvPr/>
        </p:nvSpPr>
        <p:spPr>
          <a:xfrm>
            <a:off x="3281104" y="2861404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SSN</a:t>
            </a:r>
          </a:p>
        </p:txBody>
      </p:sp>
      <p:sp>
        <p:nvSpPr>
          <p:cNvPr id="107" name="Rectangle: Rounded Corners 25">
            <a:extLst>
              <a:ext uri="{FF2B5EF4-FFF2-40B4-BE49-F238E27FC236}">
                <a16:creationId xmlns:a16="http://schemas.microsoft.com/office/drawing/2014/main" id="{A54DF28D-E37B-4D13-8BCC-12F8CCAD7026}"/>
              </a:ext>
            </a:extLst>
          </p:cNvPr>
          <p:cNvSpPr/>
          <p:nvPr/>
        </p:nvSpPr>
        <p:spPr>
          <a:xfrm>
            <a:off x="3292091" y="1101353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+mj-lt"/>
                <a:ea typeface="ＭＳ Ｐゴシック"/>
                <a:cs typeface="Arial"/>
              </a:rPr>
              <a:t>Customer Status</a:t>
            </a:r>
            <a:r>
              <a:rPr lang="en-GB" sz="700">
                <a:solidFill>
                  <a:schemeClr val="accent3">
                    <a:lumMod val="60000"/>
                    <a:lumOff val="40000"/>
                  </a:schemeClr>
                </a:solidFill>
                <a:latin typeface="+mj-lt"/>
                <a:ea typeface="ＭＳ Ｐゴシック"/>
                <a:cs typeface="Arial"/>
              </a:rPr>
              <a:t> – Active, Final, Inactive</a:t>
            </a:r>
            <a:endParaRPr lang="en-GB" sz="700" i="0" u="none" strike="noStrike" kern="0" cap="none" spc="0" baseline="0">
              <a:solidFill>
                <a:schemeClr val="accent3">
                  <a:lumMod val="60000"/>
                  <a:lumOff val="40000"/>
                </a:schemeClr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09" name="Rectangle: Rounded Corners 32">
            <a:extLst>
              <a:ext uri="{FF2B5EF4-FFF2-40B4-BE49-F238E27FC236}">
                <a16:creationId xmlns:a16="http://schemas.microsoft.com/office/drawing/2014/main" id="{F501C6FD-A92D-4698-8F10-BD4C566A266D}"/>
              </a:ext>
            </a:extLst>
          </p:cNvPr>
          <p:cNvSpPr/>
          <p:nvPr/>
        </p:nvSpPr>
        <p:spPr>
          <a:xfrm>
            <a:off x="3300278" y="3464790"/>
            <a:ext cx="1238152" cy="29172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 dirty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Company Business Name (DBA)</a:t>
            </a:r>
          </a:p>
        </p:txBody>
      </p:sp>
      <p:sp>
        <p:nvSpPr>
          <p:cNvPr id="110" name="Rectangle: Rounded Corners 11">
            <a:extLst>
              <a:ext uri="{FF2B5EF4-FFF2-40B4-BE49-F238E27FC236}">
                <a16:creationId xmlns:a16="http://schemas.microsoft.com/office/drawing/2014/main" id="{21238382-BD41-4F3A-A2A1-57C7CF55BCB5}"/>
              </a:ext>
            </a:extLst>
          </p:cNvPr>
          <p:cNvSpPr/>
          <p:nvPr/>
        </p:nvSpPr>
        <p:spPr>
          <a:xfrm>
            <a:off x="4575635" y="3457488"/>
            <a:ext cx="1235840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700" b="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Company Legal Name</a:t>
            </a:r>
          </a:p>
        </p:txBody>
      </p:sp>
      <p:sp>
        <p:nvSpPr>
          <p:cNvPr id="111" name="Rectangle: Rounded Corners 25">
            <a:extLst>
              <a:ext uri="{FF2B5EF4-FFF2-40B4-BE49-F238E27FC236}">
                <a16:creationId xmlns:a16="http://schemas.microsoft.com/office/drawing/2014/main" id="{45C609D0-84B7-41A9-87CA-273347F416EB}"/>
              </a:ext>
            </a:extLst>
          </p:cNvPr>
          <p:cNvSpPr/>
          <p:nvPr/>
        </p:nvSpPr>
        <p:spPr>
          <a:xfrm>
            <a:off x="4567704" y="2538408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Full Name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12" name="Rectangle: Rounded Corners 28">
            <a:extLst>
              <a:ext uri="{FF2B5EF4-FFF2-40B4-BE49-F238E27FC236}">
                <a16:creationId xmlns:a16="http://schemas.microsoft.com/office/drawing/2014/main" id="{165A8276-198F-4046-BB27-146D4B45979F}"/>
              </a:ext>
            </a:extLst>
          </p:cNvPr>
          <p:cNvSpPr/>
          <p:nvPr/>
        </p:nvSpPr>
        <p:spPr>
          <a:xfrm>
            <a:off x="4572000" y="757139"/>
            <a:ext cx="1238152" cy="303830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+mj-lt"/>
                <a:ea typeface="ＭＳ Ｐゴシック"/>
                <a:cs typeface="Arial"/>
              </a:rPr>
              <a:t>Customer Type –</a:t>
            </a:r>
            <a:r>
              <a:rPr lang="en-GB" sz="9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+mj-lt"/>
                <a:ea typeface="ＭＳ Ｐゴシック"/>
                <a:cs typeface="Arial"/>
              </a:rPr>
              <a:t> </a:t>
            </a:r>
            <a:r>
              <a:rPr lang="en-GB" sz="700" i="0" u="none" strike="noStrike" kern="0" cap="none" spc="0" baseline="0" dirty="0">
                <a:solidFill>
                  <a:schemeClr val="accent3">
                    <a:lumMod val="60000"/>
                    <a:lumOff val="40000"/>
                  </a:schemeClr>
                </a:solidFill>
                <a:uFillTx/>
                <a:latin typeface="+mj-lt"/>
                <a:ea typeface="ＭＳ Ｐゴシック"/>
                <a:cs typeface="Arial"/>
              </a:rPr>
              <a:t>Individual, Company</a:t>
            </a:r>
          </a:p>
        </p:txBody>
      </p:sp>
      <p:sp>
        <p:nvSpPr>
          <p:cNvPr id="113" name="Rectangle: Rounded Corners 25">
            <a:extLst>
              <a:ext uri="{FF2B5EF4-FFF2-40B4-BE49-F238E27FC236}">
                <a16:creationId xmlns:a16="http://schemas.microsoft.com/office/drawing/2014/main" id="{23AB1406-AE28-41FB-824C-4CF99D05E228}"/>
              </a:ext>
            </a:extLst>
          </p:cNvPr>
          <p:cNvSpPr/>
          <p:nvPr/>
        </p:nvSpPr>
        <p:spPr>
          <a:xfrm>
            <a:off x="4578713" y="1090936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Customer Since Date</a:t>
            </a:r>
          </a:p>
        </p:txBody>
      </p:sp>
      <p:sp>
        <p:nvSpPr>
          <p:cNvPr id="114" name="Rectangle: Rounded Corners 32">
            <a:extLst>
              <a:ext uri="{FF2B5EF4-FFF2-40B4-BE49-F238E27FC236}">
                <a16:creationId xmlns:a16="http://schemas.microsoft.com/office/drawing/2014/main" id="{C7F79689-6AA7-4878-8079-9C24BD344648}"/>
              </a:ext>
            </a:extLst>
          </p:cNvPr>
          <p:cNvSpPr/>
          <p:nvPr/>
        </p:nvSpPr>
        <p:spPr>
          <a:xfrm>
            <a:off x="3292186" y="3794619"/>
            <a:ext cx="1238152" cy="29172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Care Of (C/O)</a:t>
            </a:r>
          </a:p>
        </p:txBody>
      </p:sp>
      <p:sp>
        <p:nvSpPr>
          <p:cNvPr id="115" name="Rectangle: Rounded Corners 18">
            <a:extLst>
              <a:ext uri="{FF2B5EF4-FFF2-40B4-BE49-F238E27FC236}">
                <a16:creationId xmlns:a16="http://schemas.microsoft.com/office/drawing/2014/main" id="{8DE92275-C9A6-42F0-8752-286459A46550}"/>
              </a:ext>
            </a:extLst>
          </p:cNvPr>
          <p:cNvSpPr/>
          <p:nvPr/>
        </p:nvSpPr>
        <p:spPr>
          <a:xfrm>
            <a:off x="4585079" y="2869553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Date Of Birth</a:t>
            </a:r>
          </a:p>
        </p:txBody>
      </p:sp>
      <p:sp>
        <p:nvSpPr>
          <p:cNvPr id="116" name="Rectangle: Rounded Corners 32">
            <a:extLst>
              <a:ext uri="{FF2B5EF4-FFF2-40B4-BE49-F238E27FC236}">
                <a16:creationId xmlns:a16="http://schemas.microsoft.com/office/drawing/2014/main" id="{5BC32608-016C-4189-8996-B4BC90680B09}"/>
              </a:ext>
            </a:extLst>
          </p:cNvPr>
          <p:cNvSpPr/>
          <p:nvPr/>
        </p:nvSpPr>
        <p:spPr>
          <a:xfrm>
            <a:off x="3927351" y="1398980"/>
            <a:ext cx="1238152" cy="291727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Address Location from Billing Account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17" name="Rectangle: Rounded Corners 18">
            <a:extLst>
              <a:ext uri="{FF2B5EF4-FFF2-40B4-BE49-F238E27FC236}">
                <a16:creationId xmlns:a16="http://schemas.microsoft.com/office/drawing/2014/main" id="{7CA3D7A0-8F6B-4451-BEFB-8026C4817B11}"/>
              </a:ext>
            </a:extLst>
          </p:cNvPr>
          <p:cNvSpPr/>
          <p:nvPr/>
        </p:nvSpPr>
        <p:spPr>
          <a:xfrm>
            <a:off x="3939211" y="4113053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SSN</a:t>
            </a:r>
          </a:p>
        </p:txBody>
      </p:sp>
      <p:sp>
        <p:nvSpPr>
          <p:cNvPr id="118" name="Rectangle: Rounded Corners 11">
            <a:extLst>
              <a:ext uri="{FF2B5EF4-FFF2-40B4-BE49-F238E27FC236}">
                <a16:creationId xmlns:a16="http://schemas.microsoft.com/office/drawing/2014/main" id="{5B19508C-0E6F-4567-A3B5-21B8E96685BB}"/>
              </a:ext>
            </a:extLst>
          </p:cNvPr>
          <p:cNvSpPr/>
          <p:nvPr/>
        </p:nvSpPr>
        <p:spPr>
          <a:xfrm>
            <a:off x="4578713" y="3789867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TIN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19" name="Rectangle: Rounded Corners 11">
            <a:extLst>
              <a:ext uri="{FF2B5EF4-FFF2-40B4-BE49-F238E27FC236}">
                <a16:creationId xmlns:a16="http://schemas.microsoft.com/office/drawing/2014/main" id="{FD2696C8-F69C-440F-8196-CFBF2F9D340B}"/>
              </a:ext>
            </a:extLst>
          </p:cNvPr>
          <p:cNvSpPr/>
          <p:nvPr/>
        </p:nvSpPr>
        <p:spPr>
          <a:xfrm>
            <a:off x="3289596" y="1877455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 dirty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First Name</a:t>
            </a:r>
          </a:p>
        </p:txBody>
      </p:sp>
      <p:sp>
        <p:nvSpPr>
          <p:cNvPr id="120" name="Rectangle: Rounded Corners 11">
            <a:extLst>
              <a:ext uri="{FF2B5EF4-FFF2-40B4-BE49-F238E27FC236}">
                <a16:creationId xmlns:a16="http://schemas.microsoft.com/office/drawing/2014/main" id="{2B457129-27E6-4A12-94C6-82856110F6DB}"/>
              </a:ext>
            </a:extLst>
          </p:cNvPr>
          <p:cNvSpPr/>
          <p:nvPr/>
        </p:nvSpPr>
        <p:spPr>
          <a:xfrm>
            <a:off x="3284188" y="2209045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Middle Name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21" name="Rectangle: Rounded Corners 18">
            <a:extLst>
              <a:ext uri="{FF2B5EF4-FFF2-40B4-BE49-F238E27FC236}">
                <a16:creationId xmlns:a16="http://schemas.microsoft.com/office/drawing/2014/main" id="{BC68F361-EF90-4D34-A7DF-9036AC564BA6}"/>
              </a:ext>
            </a:extLst>
          </p:cNvPr>
          <p:cNvSpPr/>
          <p:nvPr/>
        </p:nvSpPr>
        <p:spPr>
          <a:xfrm>
            <a:off x="4604352" y="1893639"/>
            <a:ext cx="1238152" cy="2944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700" b="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Last Name</a:t>
            </a:r>
          </a:p>
        </p:txBody>
      </p:sp>
      <p:sp>
        <p:nvSpPr>
          <p:cNvPr id="122" name="Rectangle: Rounded Corners 25">
            <a:extLst>
              <a:ext uri="{FF2B5EF4-FFF2-40B4-BE49-F238E27FC236}">
                <a16:creationId xmlns:a16="http://schemas.microsoft.com/office/drawing/2014/main" id="{5FB29395-6DD6-4319-BD73-65ED2B837513}"/>
              </a:ext>
            </a:extLst>
          </p:cNvPr>
          <p:cNvSpPr/>
          <p:nvPr/>
        </p:nvSpPr>
        <p:spPr>
          <a:xfrm>
            <a:off x="3289596" y="2551669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Name </a:t>
            </a:r>
            <a:r>
              <a:rPr lang="en-GB" sz="700">
                <a:solidFill>
                  <a:srgbClr val="FFFFFF"/>
                </a:solidFill>
                <a:latin typeface="+mj-lt"/>
                <a:ea typeface="ＭＳ Ｐゴシック"/>
                <a:cs typeface="Arial"/>
              </a:rPr>
              <a:t>Suffix</a:t>
            </a:r>
            <a:endParaRPr lang="en-GB" sz="700" i="0" u="none" strike="noStrike" kern="0" cap="none" spc="0" baseline="0">
              <a:solidFill>
                <a:srgbClr val="FFFFFF"/>
              </a:solidFill>
              <a:uFillTx/>
              <a:latin typeface="+mj-lt"/>
              <a:ea typeface="ＭＳ Ｐゴシック"/>
              <a:cs typeface="Arial"/>
            </a:endParaRPr>
          </a:p>
        </p:txBody>
      </p:sp>
      <p:sp>
        <p:nvSpPr>
          <p:cNvPr id="123" name="Rectangle: Rounded Corners 25">
            <a:extLst>
              <a:ext uri="{FF2B5EF4-FFF2-40B4-BE49-F238E27FC236}">
                <a16:creationId xmlns:a16="http://schemas.microsoft.com/office/drawing/2014/main" id="{D67CAF6D-3507-49CC-88C0-8D9CAD32035D}"/>
              </a:ext>
            </a:extLst>
          </p:cNvPr>
          <p:cNvSpPr/>
          <p:nvPr/>
        </p:nvSpPr>
        <p:spPr>
          <a:xfrm>
            <a:off x="4584871" y="2221016"/>
            <a:ext cx="1238152" cy="285676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00" i="0" u="none" strike="noStrike" kern="0" cap="none" spc="0" baseline="0">
                <a:solidFill>
                  <a:srgbClr val="FFFFFF"/>
                </a:solidFill>
                <a:uFillTx/>
                <a:latin typeface="+mj-lt"/>
                <a:ea typeface="ＭＳ Ｐゴシック"/>
                <a:cs typeface="Arial"/>
              </a:rPr>
              <a:t>Name Prefix</a:t>
            </a:r>
          </a:p>
        </p:txBody>
      </p:sp>
      <p:sp>
        <p:nvSpPr>
          <p:cNvPr id="124" name="Rectangle: Rounded Corners 28">
            <a:extLst>
              <a:ext uri="{FF2B5EF4-FFF2-40B4-BE49-F238E27FC236}">
                <a16:creationId xmlns:a16="http://schemas.microsoft.com/office/drawing/2014/main" id="{57CAEC32-29FD-48E8-A560-4195D4998A2E}"/>
              </a:ext>
            </a:extLst>
          </p:cNvPr>
          <p:cNvSpPr/>
          <p:nvPr/>
        </p:nvSpPr>
        <p:spPr>
          <a:xfrm>
            <a:off x="7375010" y="1821987"/>
            <a:ext cx="1224361" cy="389129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rich: Domain, Domain Type, username, Validation Status</a:t>
            </a:r>
          </a:p>
        </p:txBody>
      </p:sp>
      <p:sp>
        <p:nvSpPr>
          <p:cNvPr id="125" name="Rectangle: Rounded Corners 28">
            <a:extLst>
              <a:ext uri="{FF2B5EF4-FFF2-40B4-BE49-F238E27FC236}">
                <a16:creationId xmlns:a16="http://schemas.microsoft.com/office/drawing/2014/main" id="{A33B84E7-6FBF-48C5-8B50-5B7760E45D11}"/>
              </a:ext>
            </a:extLst>
          </p:cNvPr>
          <p:cNvSpPr/>
          <p:nvPr/>
        </p:nvSpPr>
        <p:spPr>
          <a:xfrm>
            <a:off x="6190658" y="3945331"/>
            <a:ext cx="2497687" cy="250361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algn="ctr" fontAlgn="auto">
              <a:spcBef>
                <a:spcPts val="0"/>
              </a:spcBef>
              <a:spcAft>
                <a:spcPts val="450"/>
              </a:spcAft>
            </a:pPr>
            <a:r>
              <a:rPr lang="en-GB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Enrich – Verified Status &amp; Detail, Country, ACV, Geo Accuracy, ISO 3166 information  </a:t>
            </a:r>
          </a:p>
        </p:txBody>
      </p:sp>
      <p:sp>
        <p:nvSpPr>
          <p:cNvPr id="126" name="Rectangle: Rounded Corners 28">
            <a:extLst>
              <a:ext uri="{FF2B5EF4-FFF2-40B4-BE49-F238E27FC236}">
                <a16:creationId xmlns:a16="http://schemas.microsoft.com/office/drawing/2014/main" id="{4D0B4DBD-2B34-4D3F-84B3-0F6BD5443BD2}"/>
              </a:ext>
            </a:extLst>
          </p:cNvPr>
          <p:cNvSpPr/>
          <p:nvPr/>
        </p:nvSpPr>
        <p:spPr>
          <a:xfrm>
            <a:off x="320894" y="4369162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00" b="0" dirty="0">
                <a:solidFill>
                  <a:srgbClr val="FFFFFF"/>
                </a:solidFill>
                <a:latin typeface="Graphik" pitchFamily="34"/>
                <a:ea typeface="ＭＳ Ｐゴシック"/>
                <a:cs typeface="Arial"/>
              </a:rPr>
              <a:t>Latitude</a:t>
            </a:r>
            <a:endParaRPr lang="en-GB" sz="800" b="0" dirty="0">
              <a:solidFill>
                <a:srgbClr val="FFFFFF"/>
              </a:solidFill>
              <a:latin typeface="Graphik" pitchFamily="34"/>
              <a:ea typeface="ＭＳ Ｐゴシック"/>
              <a:cs typeface="Arial"/>
            </a:endParaRPr>
          </a:p>
        </p:txBody>
      </p:sp>
      <p:sp>
        <p:nvSpPr>
          <p:cNvPr id="127" name="Rectangle: Rounded Corners 28">
            <a:extLst>
              <a:ext uri="{FF2B5EF4-FFF2-40B4-BE49-F238E27FC236}">
                <a16:creationId xmlns:a16="http://schemas.microsoft.com/office/drawing/2014/main" id="{5AF34E3A-475D-4FFE-85A5-CBA6EFDBCEE7}"/>
              </a:ext>
            </a:extLst>
          </p:cNvPr>
          <p:cNvSpPr/>
          <p:nvPr/>
        </p:nvSpPr>
        <p:spPr>
          <a:xfrm>
            <a:off x="1581777" y="4368529"/>
            <a:ext cx="1238152" cy="213264"/>
          </a:xfrm>
          <a:custGeom>
            <a:avLst>
              <a:gd name="f0" fmla="val 3600"/>
            </a:avLst>
            <a:gdLst>
              <a:gd name="f1" fmla="val 10800000"/>
              <a:gd name="f2" fmla="val 5400000"/>
              <a:gd name="f3" fmla="val 16200000"/>
              <a:gd name="f4" fmla="val w"/>
              <a:gd name="f5" fmla="val h"/>
              <a:gd name="f6" fmla="val ss"/>
              <a:gd name="f7" fmla="val 0"/>
              <a:gd name="f8" fmla="*/ 5419351 1 1725033"/>
              <a:gd name="f9" fmla="val 45"/>
              <a:gd name="f10" fmla="val 10800"/>
              <a:gd name="f11" fmla="val -2147483647"/>
              <a:gd name="f12" fmla="val 2147483647"/>
              <a:gd name="f13" fmla="abs f4"/>
              <a:gd name="f14" fmla="abs f5"/>
              <a:gd name="f15" fmla="abs f6"/>
              <a:gd name="f16" fmla="*/ f8 1 180"/>
              <a:gd name="f17" fmla="pin 0 f0 10800"/>
              <a:gd name="f18" fmla="+- 0 0 f2"/>
              <a:gd name="f19" fmla="?: f13 f4 1"/>
              <a:gd name="f20" fmla="?: f14 f5 1"/>
              <a:gd name="f21" fmla="?: f15 f6 1"/>
              <a:gd name="f22" fmla="*/ f9 f16 1"/>
              <a:gd name="f23" fmla="+- f7 f17 0"/>
              <a:gd name="f24" fmla="*/ f19 1 21600"/>
              <a:gd name="f25" fmla="*/ f20 1 21600"/>
              <a:gd name="f26" fmla="*/ 21600 f19 1"/>
              <a:gd name="f27" fmla="*/ 21600 f20 1"/>
              <a:gd name="f28" fmla="+- 0 0 f22"/>
              <a:gd name="f29" fmla="min f25 f24"/>
              <a:gd name="f30" fmla="*/ f26 1 f21"/>
              <a:gd name="f31" fmla="*/ f27 1 f21"/>
              <a:gd name="f32" fmla="*/ f28 f1 1"/>
              <a:gd name="f33" fmla="*/ f32 1 f8"/>
              <a:gd name="f34" fmla="+- f31 0 f17"/>
              <a:gd name="f35" fmla="+- f30 0 f17"/>
              <a:gd name="f36" fmla="*/ f17 f29 1"/>
              <a:gd name="f37" fmla="*/ f7 f29 1"/>
              <a:gd name="f38" fmla="*/ f23 f29 1"/>
              <a:gd name="f39" fmla="*/ f31 f29 1"/>
              <a:gd name="f40" fmla="*/ f30 f29 1"/>
              <a:gd name="f41" fmla="+- f33 0 f2"/>
              <a:gd name="f42" fmla="+- f37 0 f38"/>
              <a:gd name="f43" fmla="+- f38 0 f37"/>
              <a:gd name="f44" fmla="*/ f34 f29 1"/>
              <a:gd name="f45" fmla="*/ f35 f29 1"/>
              <a:gd name="f46" fmla="cos 1 f41"/>
              <a:gd name="f47" fmla="abs f42"/>
              <a:gd name="f48" fmla="abs f43"/>
              <a:gd name="f49" fmla="?: f42 f18 f2"/>
              <a:gd name="f50" fmla="?: f42 f2 f18"/>
              <a:gd name="f51" fmla="?: f42 f3 f2"/>
              <a:gd name="f52" fmla="?: f42 f2 f3"/>
              <a:gd name="f53" fmla="+- f39 0 f44"/>
              <a:gd name="f54" fmla="?: f43 f18 f2"/>
              <a:gd name="f55" fmla="?: f43 f2 f18"/>
              <a:gd name="f56" fmla="+- f40 0 f45"/>
              <a:gd name="f57" fmla="+- f44 0 f39"/>
              <a:gd name="f58" fmla="+- f45 0 f40"/>
              <a:gd name="f59" fmla="?: f42 0 f1"/>
              <a:gd name="f60" fmla="?: f42 f1 0"/>
              <a:gd name="f61" fmla="+- 0 0 f46"/>
              <a:gd name="f62" fmla="?: f42 f52 f51"/>
              <a:gd name="f63" fmla="?: f42 f51 f52"/>
              <a:gd name="f64" fmla="?: f43 f50 f49"/>
              <a:gd name="f65" fmla="abs f53"/>
              <a:gd name="f66" fmla="?: f53 0 f1"/>
              <a:gd name="f67" fmla="?: f53 f1 0"/>
              <a:gd name="f68" fmla="?: f53 f54 f55"/>
              <a:gd name="f69" fmla="abs f56"/>
              <a:gd name="f70" fmla="abs f57"/>
              <a:gd name="f71" fmla="?: f56 f18 f2"/>
              <a:gd name="f72" fmla="?: f56 f2 f18"/>
              <a:gd name="f73" fmla="?: f56 f3 f2"/>
              <a:gd name="f74" fmla="?: f56 f2 f3"/>
              <a:gd name="f75" fmla="abs f58"/>
              <a:gd name="f76" fmla="?: f58 f18 f2"/>
              <a:gd name="f77" fmla="?: f58 f2 f18"/>
              <a:gd name="f78" fmla="?: f58 f60 f59"/>
              <a:gd name="f79" fmla="?: f58 f59 f60"/>
              <a:gd name="f80" fmla="*/ f17 f61 1"/>
              <a:gd name="f81" fmla="?: f43 f63 f62"/>
              <a:gd name="f82" fmla="?: f43 f67 f66"/>
              <a:gd name="f83" fmla="?: f43 f66 f67"/>
              <a:gd name="f84" fmla="?: f56 f74 f73"/>
              <a:gd name="f85" fmla="?: f56 f73 f74"/>
              <a:gd name="f86" fmla="?: f57 f72 f71"/>
              <a:gd name="f87" fmla="?: f42 f78 f79"/>
              <a:gd name="f88" fmla="?: f42 f76 f77"/>
              <a:gd name="f89" fmla="*/ f80 3163 1"/>
              <a:gd name="f90" fmla="?: f53 f82 f83"/>
              <a:gd name="f91" fmla="?: f57 f85 f84"/>
              <a:gd name="f92" fmla="*/ f89 1 7636"/>
              <a:gd name="f93" fmla="+- f7 f92 0"/>
              <a:gd name="f94" fmla="+- f30 0 f92"/>
              <a:gd name="f95" fmla="+- f31 0 f92"/>
              <a:gd name="f96" fmla="*/ f93 f29 1"/>
              <a:gd name="f97" fmla="*/ f94 f29 1"/>
              <a:gd name="f98" fmla="*/ f95 f29 1"/>
            </a:gdLst>
            <a:ahLst>
              <a:ahXY gdRefX="f0" minX="f7" maxX="f10">
                <a:pos x="f36" y="f37"/>
              </a:ahXY>
            </a:ahLst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96" t="f96" r="f97" b="f98"/>
            <a:pathLst>
              <a:path>
                <a:moveTo>
                  <a:pt x="f38" y="f37"/>
                </a:moveTo>
                <a:arcTo wR="f47" hR="f48" stAng="f81" swAng="f64"/>
                <a:lnTo>
                  <a:pt x="f37" y="f44"/>
                </a:lnTo>
                <a:arcTo wR="f48" hR="f65" stAng="f90" swAng="f68"/>
                <a:lnTo>
                  <a:pt x="f45" y="f39"/>
                </a:lnTo>
                <a:arcTo wR="f69" hR="f70" stAng="f91" swAng="f86"/>
                <a:lnTo>
                  <a:pt x="f40" y="f38"/>
                </a:lnTo>
                <a:arcTo wR="f75" hR="f47" stAng="f87" swAng="f88"/>
                <a:close/>
              </a:path>
            </a:pathLst>
          </a:custGeom>
          <a:solidFill>
            <a:srgbClr val="00148C"/>
          </a:solidFill>
          <a:ln cap="flat">
            <a:noFill/>
            <a:prstDash val="solid"/>
          </a:ln>
        </p:spPr>
        <p:txBody>
          <a:bodyPr vert="horz" wrap="square" lIns="91430" tIns="45720" rIns="9143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00" b="0" i="0" dirty="0">
                <a:solidFill>
                  <a:schemeClr val="bg1"/>
                </a:solidFill>
                <a:effectLst/>
                <a:latin typeface="Calibri" panose="020F0502020204030204" pitchFamily="34" charset="0"/>
              </a:rPr>
              <a:t>Longitude</a:t>
            </a:r>
            <a:endParaRPr lang="en-GB" sz="800" b="0" dirty="0">
              <a:solidFill>
                <a:schemeClr val="bg1"/>
              </a:solidFill>
              <a:latin typeface="Graphik" pitchFamily="34"/>
              <a:ea typeface="ＭＳ Ｐゴシック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04261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601" y="112730"/>
            <a:ext cx="8497370" cy="430887"/>
          </a:xfrm>
        </p:spPr>
        <p:txBody>
          <a:bodyPr/>
          <a:lstStyle/>
          <a:p>
            <a:r>
              <a:rPr lang="en-US"/>
              <a:t>US Customer Capabilities by Program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6A94FC-78F6-49A4-A9BF-0BBF64D96C9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52192" y="482327"/>
            <a:ext cx="7024942" cy="42945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63685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OTLSHAPE_SL_f6ffadc9780a4f3ab22a7e53bade919d_BackgroundRectangle">
            <a:extLst>
              <a:ext uri="{FF2B5EF4-FFF2-40B4-BE49-F238E27FC236}">
                <a16:creationId xmlns:a16="http://schemas.microsoft.com/office/drawing/2014/main" id="{24293CC2-EA11-43DE-85FC-3184F8128656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5918" y="1150443"/>
            <a:ext cx="8967825" cy="189122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7" name="OTLSHAPE_SLT_e8a0d0690d7843edaca796e8b25719da_Shape">
            <a:extLst>
              <a:ext uri="{FF2B5EF4-FFF2-40B4-BE49-F238E27FC236}">
                <a16:creationId xmlns:a16="http://schemas.microsoft.com/office/drawing/2014/main" id="{8C9ADB6B-5737-44AB-BA35-BDF2293631E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95321" y="1274854"/>
            <a:ext cx="7567649" cy="118928"/>
          </a:xfrm>
          <a:prstGeom prst="homePlat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Business Capabilities Support</a:t>
            </a:r>
          </a:p>
        </p:txBody>
      </p:sp>
      <p:sp>
        <p:nvSpPr>
          <p:cNvPr id="142" name="OTLSHAPE_SL_f6ffadc9780a4f3ab22a7e53bade919d_BackgroundRectangle">
            <a:extLst>
              <a:ext uri="{FF2B5EF4-FFF2-40B4-BE49-F238E27FC236}">
                <a16:creationId xmlns:a16="http://schemas.microsoft.com/office/drawing/2014/main" id="{7E5D1AD3-EE5B-4258-8631-DEA307AB51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238" y="3714501"/>
            <a:ext cx="8964821" cy="602602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9" name="OTLSHAPE_SL_f6ffadc9780a4f3ab22a7e53bade919d_BackgroundRectangle">
            <a:extLst>
              <a:ext uri="{FF2B5EF4-FFF2-40B4-BE49-F238E27FC236}">
                <a16:creationId xmlns:a16="http://schemas.microsoft.com/office/drawing/2014/main" id="{2F6E28C1-E0B7-4DB7-B52F-A5FF83593D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423" y="3128339"/>
            <a:ext cx="8964821" cy="529019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3" name="OTLSHAPE_SLT_e8a0d0690d7843edaca796e8b25719da_Shape">
            <a:extLst>
              <a:ext uri="{FF2B5EF4-FFF2-40B4-BE49-F238E27FC236}">
                <a16:creationId xmlns:a16="http://schemas.microsoft.com/office/drawing/2014/main" id="{3272B8BB-B968-4C50-992E-6482D9F874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942" y="3219697"/>
            <a:ext cx="8961080" cy="127937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 MDM/DQ/DG</a:t>
            </a:r>
          </a:p>
        </p:txBody>
      </p:sp>
      <p:sp>
        <p:nvSpPr>
          <p:cNvPr id="134" name="OTLSHAPE_SLM_0aec949068fc4edb9016a17022f2fa0f_Title">
            <a:extLst>
              <a:ext uri="{FF2B5EF4-FFF2-40B4-BE49-F238E27FC236}">
                <a16:creationId xmlns:a16="http://schemas.microsoft.com/office/drawing/2014/main" id="{DDC0F982-804C-4C13-B6CF-88689038362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29603" y="3349977"/>
            <a:ext cx="1165897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Billing Account</a:t>
            </a:r>
          </a:p>
        </p:txBody>
      </p:sp>
      <p:sp>
        <p:nvSpPr>
          <p:cNvPr id="138" name="OTLSHAPE_SLT_e8a0d0690d7843edaca796e8b25719da_Shape">
            <a:extLst>
              <a:ext uri="{FF2B5EF4-FFF2-40B4-BE49-F238E27FC236}">
                <a16:creationId xmlns:a16="http://schemas.microsoft.com/office/drawing/2014/main" id="{C5E0B5E7-7900-49EA-AD84-0B2C9DA363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7747" y="3790467"/>
            <a:ext cx="8911590" cy="141129"/>
          </a:xfrm>
          <a:prstGeom prst="homePlat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900"/>
              <a:t>ECDP (Snowflake)</a:t>
            </a:r>
          </a:p>
        </p:txBody>
      </p:sp>
      <p:sp>
        <p:nvSpPr>
          <p:cNvPr id="144" name="OTLSHAPE_SLM_0aec949068fc4edb9016a17022f2fa0f_Title">
            <a:extLst>
              <a:ext uri="{FF2B5EF4-FFF2-40B4-BE49-F238E27FC236}">
                <a16:creationId xmlns:a16="http://schemas.microsoft.com/office/drawing/2014/main" id="{D9F430B6-AA12-4E55-BD8E-7F722DCC89E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956545" y="3354199"/>
            <a:ext cx="953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>
                <a:cs typeface="Calibri"/>
              </a:rPr>
              <a:t>Customer Demographic, </a:t>
            </a:r>
            <a:endParaRPr lang="en-US"/>
          </a:p>
          <a:p>
            <a:r>
              <a:rPr lang="en-US">
                <a:cs typeface="Calibri"/>
              </a:rPr>
              <a:t>Preference, Premise, Service Account, Meter</a:t>
            </a:r>
          </a:p>
        </p:txBody>
      </p:sp>
      <p:sp>
        <p:nvSpPr>
          <p:cNvPr id="171" name="OTLSHAPE_SLM_0aec949068fc4edb9016a17022f2fa0f_Title">
            <a:extLst>
              <a:ext uri="{FF2B5EF4-FFF2-40B4-BE49-F238E27FC236}">
                <a16:creationId xmlns:a16="http://schemas.microsoft.com/office/drawing/2014/main" id="{A4968A38-1CB8-45E4-989B-D07B14C1879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95826" y="3357435"/>
            <a:ext cx="145779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Data model, Data Catalog, Data Governance, Data Quality Profiling, CDC, Business Rules/Requirement</a:t>
            </a:r>
          </a:p>
        </p:txBody>
      </p:sp>
      <p:sp>
        <p:nvSpPr>
          <p:cNvPr id="174" name="OTLSHAPE_SLM_0aec949068fc4edb9016a17022f2fa0f_Title">
            <a:extLst>
              <a:ext uri="{FF2B5EF4-FFF2-40B4-BE49-F238E27FC236}">
                <a16:creationId xmlns:a16="http://schemas.microsoft.com/office/drawing/2014/main" id="{6E729406-BCD9-431E-8B26-6F97A4C03E0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032179" y="3358170"/>
            <a:ext cx="99727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,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s/Plans</a:t>
            </a:r>
          </a:p>
        </p:txBody>
      </p:sp>
      <p:sp>
        <p:nvSpPr>
          <p:cNvPr id="181" name="OTLSHAPE_SLM_0aec949068fc4edb9016a17022f2fa0f_Title">
            <a:extLst>
              <a:ext uri="{FF2B5EF4-FFF2-40B4-BE49-F238E27FC236}">
                <a16:creationId xmlns:a16="http://schemas.microsoft.com/office/drawing/2014/main" id="{553BDFC6-BEB6-45E4-B002-7547682B4B9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064964" y="3931030"/>
            <a:ext cx="92470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Segments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Program/Plan, Campaign, Campaign  Response, IVR</a:t>
            </a:r>
          </a:p>
        </p:txBody>
      </p:sp>
      <p:sp>
        <p:nvSpPr>
          <p:cNvPr id="187" name="OTLSHAPE_SLM_0aec949068fc4edb9016a17022f2fa0f_Shape">
            <a:extLst>
              <a:ext uri="{FF2B5EF4-FFF2-40B4-BE49-F238E27FC236}">
                <a16:creationId xmlns:a16="http://schemas.microsoft.com/office/drawing/2014/main" id="{EFF18A99-ABA3-4DD1-8F4C-F92ED78F9CC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71245" y="3216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F7671822-8FF2-476B-9E10-A02943AAFC20}"/>
              </a:ext>
            </a:extLst>
          </p:cNvPr>
          <p:cNvCxnSpPr>
            <a:cxnSpLocks/>
            <a:stCxn id="211" idx="0"/>
          </p:cNvCxnSpPr>
          <p:nvPr/>
        </p:nvCxnSpPr>
        <p:spPr bwMode="auto">
          <a:xfrm>
            <a:off x="8727568" y="1015661"/>
            <a:ext cx="18354" cy="3061727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7" name="Straight Connector 126">
            <a:extLst>
              <a:ext uri="{FF2B5EF4-FFF2-40B4-BE49-F238E27FC236}">
                <a16:creationId xmlns:a16="http://schemas.microsoft.com/office/drawing/2014/main" id="{988282A2-0907-4B4B-9004-B461B0D19AEE}"/>
              </a:ext>
            </a:extLst>
          </p:cNvPr>
          <p:cNvCxnSpPr>
            <a:cxnSpLocks/>
          </p:cNvCxnSpPr>
          <p:nvPr/>
        </p:nvCxnSpPr>
        <p:spPr bwMode="auto">
          <a:xfrm>
            <a:off x="7498042" y="1026630"/>
            <a:ext cx="30857" cy="3035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961ADB8-2408-4630-9023-115E0C7AD7C2}"/>
              </a:ext>
            </a:extLst>
          </p:cNvPr>
          <p:cNvCxnSpPr>
            <a:cxnSpLocks/>
          </p:cNvCxnSpPr>
          <p:nvPr/>
        </p:nvCxnSpPr>
        <p:spPr bwMode="auto">
          <a:xfrm>
            <a:off x="6416118" y="1021768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47B011B-7ADE-4400-839C-981A0590474B}"/>
              </a:ext>
            </a:extLst>
          </p:cNvPr>
          <p:cNvCxnSpPr/>
          <p:nvPr/>
        </p:nvCxnSpPr>
        <p:spPr bwMode="auto">
          <a:xfrm>
            <a:off x="4778387" y="1032388"/>
            <a:ext cx="28358" cy="278399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5476" y="106374"/>
            <a:ext cx="9028524" cy="376946"/>
          </a:xfrm>
        </p:spPr>
        <p:txBody>
          <a:bodyPr/>
          <a:lstStyle/>
          <a:p>
            <a:r>
              <a:rPr lang="en-GB" sz="1900"/>
              <a:t>US Customer Business Capabilities Proposed Roadmap (Draft)</a:t>
            </a:r>
            <a:endParaRPr lang="en-GB" sz="1900" b="0"/>
          </a:p>
        </p:txBody>
      </p:sp>
      <p:sp>
        <p:nvSpPr>
          <p:cNvPr id="76" name="OTLSHAPE_SLM_0aec949068fc4edb9016a17022f2fa0f_Title">
            <a:extLst>
              <a:ext uri="{FF2B5EF4-FFF2-40B4-BE49-F238E27FC236}">
                <a16:creationId xmlns:a16="http://schemas.microsoft.com/office/drawing/2014/main" id="{9A520CC5-FA03-4165-9311-61DCAD63AA0D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4461596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1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05" name="OTLSHAPE_SLM_0aec949068fc4edb9016a17022f2fa0f_Title">
            <a:extLst>
              <a:ext uri="{FF2B5EF4-FFF2-40B4-BE49-F238E27FC236}">
                <a16:creationId xmlns:a16="http://schemas.microsoft.com/office/drawing/2014/main" id="{B4573916-DB99-4B23-AC58-52569CC342A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05037" y="1019848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3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126" name="OTLSHAPE_SLM_0aec949068fc4edb9016a17022f2fa0f_Title">
            <a:extLst>
              <a:ext uri="{FF2B5EF4-FFF2-40B4-BE49-F238E27FC236}">
                <a16:creationId xmlns:a16="http://schemas.microsoft.com/office/drawing/2014/main" id="{F24ED024-8BEE-474D-A1C7-731AE9E7D11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171463" y="101824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4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3CBB09D-EE89-48CC-A59F-A838F6A6E4AB}"/>
              </a:ext>
            </a:extLst>
          </p:cNvPr>
          <p:cNvSpPr/>
          <p:nvPr/>
        </p:nvSpPr>
        <p:spPr>
          <a:xfrm>
            <a:off x="7445101" y="181406"/>
            <a:ext cx="1582958" cy="32316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wrap="square" lIns="91440" tIns="0" rIns="0" bIns="0">
            <a:spAutoFit/>
          </a:bodyPr>
          <a:lstStyle/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5">
                    <a:lumMod val="60000"/>
                    <a:lumOff val="40000"/>
                  </a:schemeClr>
                </a:solidFill>
              </a:rPr>
              <a:t>Data Management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2">
                    <a:lumMod val="75000"/>
                  </a:schemeClr>
                </a:solidFill>
              </a:rPr>
              <a:t>Customer Data Foundational</a:t>
            </a:r>
          </a:p>
          <a:p>
            <a:pPr>
              <a:spcAft>
                <a:spcPts val="0"/>
              </a:spcAft>
            </a:pPr>
            <a:r>
              <a:rPr lang="en-US" sz="700" b="0">
                <a:solidFill>
                  <a:schemeClr val="accent1">
                    <a:lumMod val="60000"/>
                    <a:lumOff val="40000"/>
                  </a:schemeClr>
                </a:solidFill>
              </a:rPr>
              <a:t>Customer Data Integration Services</a:t>
            </a:r>
          </a:p>
        </p:txBody>
      </p:sp>
      <p:sp>
        <p:nvSpPr>
          <p:cNvPr id="151" name="OTLSHAPE_SLM_0aec949068fc4edb9016a17022f2fa0f_Shape">
            <a:extLst>
              <a:ext uri="{FF2B5EF4-FFF2-40B4-BE49-F238E27FC236}">
                <a16:creationId xmlns:a16="http://schemas.microsoft.com/office/drawing/2014/main" id="{3A4AC253-3FE1-4C73-ABAA-E3F0D079DB2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0634" y="147394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2" name="Picture 161">
            <a:extLst>
              <a:ext uri="{FF2B5EF4-FFF2-40B4-BE49-F238E27FC236}">
                <a16:creationId xmlns:a16="http://schemas.microsoft.com/office/drawing/2014/main" id="{D806E5C4-F5B7-4465-8699-4743B4EDE32C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4706779" y="1449317"/>
            <a:ext cx="142179" cy="139685"/>
          </a:xfrm>
          <a:prstGeom prst="rect">
            <a:avLst/>
          </a:prstGeom>
        </p:spPr>
      </p:pic>
      <p:sp>
        <p:nvSpPr>
          <p:cNvPr id="163" name="OTLSHAPE_SLM_0aec949068fc4edb9016a17022f2fa0f_Shape">
            <a:extLst>
              <a:ext uri="{FF2B5EF4-FFF2-40B4-BE49-F238E27FC236}">
                <a16:creationId xmlns:a16="http://schemas.microsoft.com/office/drawing/2014/main" id="{BDD54725-3AE1-481F-A3CE-8E571CD871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719412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4" name="Picture 163">
            <a:extLst>
              <a:ext uri="{FF2B5EF4-FFF2-40B4-BE49-F238E27FC236}">
                <a16:creationId xmlns:a16="http://schemas.microsoft.com/office/drawing/2014/main" id="{23DC112B-D90B-4346-8F00-D4444FA6DDFE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6347416" y="1449317"/>
            <a:ext cx="142179" cy="139685"/>
          </a:xfrm>
          <a:prstGeom prst="rect">
            <a:avLst/>
          </a:prstGeom>
        </p:spPr>
      </p:pic>
      <p:sp>
        <p:nvSpPr>
          <p:cNvPr id="165" name="OTLSHAPE_SLM_0aec949068fc4edb9016a17022f2fa0f_Shape">
            <a:extLst>
              <a:ext uri="{FF2B5EF4-FFF2-40B4-BE49-F238E27FC236}">
                <a16:creationId xmlns:a16="http://schemas.microsoft.com/office/drawing/2014/main" id="{55FE46CB-4BAC-43D4-A7E3-73079C9B0A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65215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6" name="Picture 165">
            <a:extLst>
              <a:ext uri="{FF2B5EF4-FFF2-40B4-BE49-F238E27FC236}">
                <a16:creationId xmlns:a16="http://schemas.microsoft.com/office/drawing/2014/main" id="{ACBC42D8-1DCB-4CA5-A375-F401A599726A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7427469" y="1449317"/>
            <a:ext cx="142179" cy="139685"/>
          </a:xfrm>
          <a:prstGeom prst="rect">
            <a:avLst/>
          </a:prstGeom>
        </p:spPr>
      </p:pic>
      <p:sp>
        <p:nvSpPr>
          <p:cNvPr id="167" name="OTLSHAPE_SLM_0aec949068fc4edb9016a17022f2fa0f_Shape">
            <a:extLst>
              <a:ext uri="{FF2B5EF4-FFF2-40B4-BE49-F238E27FC236}">
                <a16:creationId xmlns:a16="http://schemas.microsoft.com/office/drawing/2014/main" id="{87D8CC1F-B56A-4529-87AE-1441B76F21C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445268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68" name="Picture 167">
            <a:extLst>
              <a:ext uri="{FF2B5EF4-FFF2-40B4-BE49-F238E27FC236}">
                <a16:creationId xmlns:a16="http://schemas.microsoft.com/office/drawing/2014/main" id="{6CD85B61-1744-428F-99BE-BC0E382F68E6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8654018" y="1449317"/>
            <a:ext cx="142179" cy="139685"/>
          </a:xfrm>
          <a:prstGeom prst="rect">
            <a:avLst/>
          </a:prstGeom>
        </p:spPr>
      </p:pic>
      <p:sp>
        <p:nvSpPr>
          <p:cNvPr id="169" name="OTLSHAPE_SLM_0aec949068fc4edb9016a17022f2fa0f_Shape">
            <a:extLst>
              <a:ext uri="{FF2B5EF4-FFF2-40B4-BE49-F238E27FC236}">
                <a16:creationId xmlns:a16="http://schemas.microsoft.com/office/drawing/2014/main" id="{CA387B1C-1433-491C-888E-0EAE240B144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671817" y="137538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22F5D03-DBE6-4766-B9F0-652066D84E4F}"/>
              </a:ext>
            </a:extLst>
          </p:cNvPr>
          <p:cNvSpPr/>
          <p:nvPr/>
        </p:nvSpPr>
        <p:spPr>
          <a:xfrm>
            <a:off x="266202" y="970939"/>
            <a:ext cx="66486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800" spc="-2">
                <a:solidFill>
                  <a:schemeClr val="dk1"/>
                </a:solidFill>
              </a:rPr>
              <a:t>Releases:</a:t>
            </a:r>
            <a:endParaRPr lang="en-US" sz="80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A00580-B033-4CE3-A0EC-9D792B642F8B}"/>
              </a:ext>
            </a:extLst>
          </p:cNvPr>
          <p:cNvSpPr txBox="1"/>
          <p:nvPr/>
        </p:nvSpPr>
        <p:spPr bwMode="auto">
          <a:xfrm>
            <a:off x="7356660" y="41144"/>
            <a:ext cx="1075615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l">
              <a:spcAft>
                <a:spcPts val="600"/>
              </a:spcAft>
              <a:buClr>
                <a:schemeClr val="tx1"/>
              </a:buClr>
            </a:pPr>
            <a:r>
              <a:rPr lang="en-US" sz="700" kern="0">
                <a:solidFill>
                  <a:schemeClr val="tx1"/>
                </a:solidFill>
                <a:latin typeface="+mn-lt"/>
                <a:ea typeface="+mn-ea"/>
              </a:rPr>
              <a:t>Delivery / Value Streams: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705DD29-DEEB-40F2-955C-8E9F8269A2E5}"/>
              </a:ext>
            </a:extLst>
          </p:cNvPr>
          <p:cNvSpPr txBox="1"/>
          <p:nvPr/>
        </p:nvSpPr>
        <p:spPr bwMode="auto">
          <a:xfrm>
            <a:off x="6033234" y="2756263"/>
            <a:ext cx="807209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9 – Usage Analysis</a:t>
            </a:r>
            <a:endParaRPr lang="en-US" sz="600">
              <a:cs typeface="Arial"/>
            </a:endParaRPr>
          </a:p>
        </p:txBody>
      </p:sp>
      <p:sp>
        <p:nvSpPr>
          <p:cNvPr id="188" name="OTLSHAPE_SLM_0aec949068fc4edb9016a17022f2fa0f_Shape">
            <a:extLst>
              <a:ext uri="{FF2B5EF4-FFF2-40B4-BE49-F238E27FC236}">
                <a16:creationId xmlns:a16="http://schemas.microsoft.com/office/drawing/2014/main" id="{4BE12BDB-E35A-4FA6-9DAC-9E141D05A3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79938" y="320979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0aec949068fc4edb9016a17022f2fa0f_Shape">
            <a:extLst>
              <a:ext uri="{FF2B5EF4-FFF2-40B4-BE49-F238E27FC236}">
                <a16:creationId xmlns:a16="http://schemas.microsoft.com/office/drawing/2014/main" id="{0F8BAFA5-C39E-4D40-BEAB-6ECE84C10D7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690092" y="3797306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5" name="OTLSHAPE_SLM_0aec949068fc4edb9016a17022f2fa0f_Title">
            <a:extLst>
              <a:ext uri="{FF2B5EF4-FFF2-40B4-BE49-F238E27FC236}">
                <a16:creationId xmlns:a16="http://schemas.microsoft.com/office/drawing/2014/main" id="{1C748C3D-94DF-43FE-96B3-A700756508C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344987" y="3933976"/>
            <a:ext cx="79696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Customer Interaction,</a:t>
            </a:r>
          </a:p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Messages, Addition Customer Data </a:t>
            </a:r>
          </a:p>
        </p:txBody>
      </p:sp>
      <p:sp>
        <p:nvSpPr>
          <p:cNvPr id="128" name="OTLSHAPE_SLM_0aec949068fc4edb9016a17022f2fa0f_Shape">
            <a:extLst>
              <a:ext uri="{FF2B5EF4-FFF2-40B4-BE49-F238E27FC236}">
                <a16:creationId xmlns:a16="http://schemas.microsoft.com/office/drawing/2014/main" id="{42E3C3F5-1547-421C-A2A3-071D520F9AA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749956" y="379331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M_0aec949068fc4edb9016a17022f2fa0f_Shape">
            <a:extLst>
              <a:ext uri="{FF2B5EF4-FFF2-40B4-BE49-F238E27FC236}">
                <a16:creationId xmlns:a16="http://schemas.microsoft.com/office/drawing/2014/main" id="{5D211D3C-73F0-46FA-AD56-2BDECB55C18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45333" y="321625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0" name="OTLSHAPE_SLM_0aec949068fc4edb9016a17022f2fa0f_Title">
            <a:extLst>
              <a:ext uri="{FF2B5EF4-FFF2-40B4-BE49-F238E27FC236}">
                <a16:creationId xmlns:a16="http://schemas.microsoft.com/office/drawing/2014/main" id="{28D44024-805C-42A3-A536-7F7CD807204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346377" y="3929607"/>
            <a:ext cx="94424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GB"/>
            </a:defPPr>
            <a:lvl1pPr algn="ctr">
              <a:defRPr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defRPr>
            </a:lvl1pPr>
          </a:lstStyle>
          <a:p>
            <a:r>
              <a:rPr lang="en-US"/>
              <a:t>Persistent ID (leverage UDM) , Key Customer Profile and contact fields, Service Account</a:t>
            </a:r>
          </a:p>
        </p:txBody>
      </p:sp>
      <p:sp>
        <p:nvSpPr>
          <p:cNvPr id="155" name="OTLSHAPE_SLM_0aec949068fc4edb9016a17022f2fa0f_Shape">
            <a:extLst>
              <a:ext uri="{FF2B5EF4-FFF2-40B4-BE49-F238E27FC236}">
                <a16:creationId xmlns:a16="http://schemas.microsoft.com/office/drawing/2014/main" id="{FA445F10-C787-448B-AE7C-7D1BF8D50D5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462788" y="320721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aec949068fc4edb9016a17022f2fa0f_Title">
            <a:extLst>
              <a:ext uri="{FF2B5EF4-FFF2-40B4-BE49-F238E27FC236}">
                <a16:creationId xmlns:a16="http://schemas.microsoft.com/office/drawing/2014/main" id="{01978453-8B00-4A50-85D1-D02BB9CA7E7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920438" y="3944247"/>
            <a:ext cx="10328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Usage, Bill/Credit/Payment, Customer Demographic, </a:t>
            </a:r>
          </a:p>
          <a:p>
            <a:r>
              <a:rPr lang="en-US"/>
              <a:t>Preference, Premise, Billing Account, Meter</a:t>
            </a:r>
          </a:p>
        </p:txBody>
      </p:sp>
      <p:sp>
        <p:nvSpPr>
          <p:cNvPr id="176" name="OTLSHAPE_SLM_0aec949068fc4edb9016a17022f2fa0f_Shape">
            <a:extLst>
              <a:ext uri="{FF2B5EF4-FFF2-40B4-BE49-F238E27FC236}">
                <a16:creationId xmlns:a16="http://schemas.microsoft.com/office/drawing/2014/main" id="{6FFA297E-BD4C-4984-8DA1-974107E360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81926" y="3795893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SLM_0aec949068fc4edb9016a17022f2fa0f_Shape">
            <a:extLst>
              <a:ext uri="{FF2B5EF4-FFF2-40B4-BE49-F238E27FC236}">
                <a16:creationId xmlns:a16="http://schemas.microsoft.com/office/drawing/2014/main" id="{F87CC682-6CBB-494A-8113-DA1E61FE62C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61760" y="3793979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7" name="TextBox 206">
            <a:extLst>
              <a:ext uri="{FF2B5EF4-FFF2-40B4-BE49-F238E27FC236}">
                <a16:creationId xmlns:a16="http://schemas.microsoft.com/office/drawing/2014/main" id="{D9CD409A-2087-48B4-993A-8965746DAF94}"/>
              </a:ext>
            </a:extLst>
          </p:cNvPr>
          <p:cNvSpPr txBox="1"/>
          <p:nvPr/>
        </p:nvSpPr>
        <p:spPr bwMode="auto">
          <a:xfrm>
            <a:off x="5991870" y="1874113"/>
            <a:ext cx="86838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4 – Usage Prediction</a:t>
            </a:r>
            <a:endParaRPr lang="en-US" sz="600">
              <a:cs typeface="Arial"/>
            </a:endParaRPr>
          </a:p>
        </p:txBody>
      </p:sp>
      <p:sp>
        <p:nvSpPr>
          <p:cNvPr id="208" name="OTLSHAPE_SLM_0aec949068fc4edb9016a17022f2fa0f_Title">
            <a:extLst>
              <a:ext uri="{FF2B5EF4-FFF2-40B4-BE49-F238E27FC236}">
                <a16:creationId xmlns:a16="http://schemas.microsoft.com/office/drawing/2014/main" id="{61A32064-03CA-4AE7-BE8D-FC3596466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83887" y="3939598"/>
            <a:ext cx="824268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rPr>
              <a:t>Data Quality Profiling, CDC, Business Rules/Requirement</a:t>
            </a:r>
          </a:p>
        </p:txBody>
      </p:sp>
      <p:sp>
        <p:nvSpPr>
          <p:cNvPr id="210" name="OTLSHAPE_SLM_0aec949068fc4edb9016a17022f2fa0f_Shape">
            <a:extLst>
              <a:ext uri="{FF2B5EF4-FFF2-40B4-BE49-F238E27FC236}">
                <a16:creationId xmlns:a16="http://schemas.microsoft.com/office/drawing/2014/main" id="{4709E27B-FE41-4D5F-AD41-BC3B13DDCF4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39880" y="379498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1" name="OTLSHAPE_SLM_0aec949068fc4edb9016a17022f2fa0f_Title">
            <a:extLst>
              <a:ext uri="{FF2B5EF4-FFF2-40B4-BE49-F238E27FC236}">
                <a16:creationId xmlns:a16="http://schemas.microsoft.com/office/drawing/2014/main" id="{D20D57CD-2D20-43B0-85A7-7E8142C5EE1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00989" y="1015661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5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212" name="Picture 211">
            <a:extLst>
              <a:ext uri="{FF2B5EF4-FFF2-40B4-BE49-F238E27FC236}">
                <a16:creationId xmlns:a16="http://schemas.microsoft.com/office/drawing/2014/main" id="{073E04DF-8316-4E39-A58D-09FFE3057DB0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1536245" y="1446737"/>
            <a:ext cx="142179" cy="139685"/>
          </a:xfrm>
          <a:prstGeom prst="rect">
            <a:avLst/>
          </a:prstGeom>
        </p:spPr>
      </p:pic>
      <p:sp>
        <p:nvSpPr>
          <p:cNvPr id="213" name="OTLSHAPE_SLM_0aec949068fc4edb9016a17022f2fa0f_Shape">
            <a:extLst>
              <a:ext uri="{FF2B5EF4-FFF2-40B4-BE49-F238E27FC236}">
                <a16:creationId xmlns:a16="http://schemas.microsoft.com/office/drawing/2014/main" id="{2232032A-DFA7-4838-AEC8-875A56E572F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554044" y="1372800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14" name="TextBox 213">
            <a:extLst>
              <a:ext uri="{FF2B5EF4-FFF2-40B4-BE49-F238E27FC236}">
                <a16:creationId xmlns:a16="http://schemas.microsoft.com/office/drawing/2014/main" id="{5E2E6BE7-326E-41CD-85A2-E03A52B74CC8}"/>
              </a:ext>
            </a:extLst>
          </p:cNvPr>
          <p:cNvSpPr txBox="1"/>
          <p:nvPr/>
        </p:nvSpPr>
        <p:spPr bwMode="auto">
          <a:xfrm>
            <a:off x="6776888" y="1592417"/>
            <a:ext cx="1451864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 – Segmentation Campaign Metrics</a:t>
            </a:r>
            <a:endParaRPr lang="en-US" sz="600">
              <a:cs typeface="Arial"/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733E616-888B-470F-BAEC-AC78C624C992}"/>
              </a:ext>
            </a:extLst>
          </p:cNvPr>
          <p:cNvSpPr txBox="1"/>
          <p:nvPr/>
        </p:nvSpPr>
        <p:spPr bwMode="auto">
          <a:xfrm>
            <a:off x="4401754" y="1600088"/>
            <a:ext cx="7918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7 – Product Catalog</a:t>
            </a:r>
            <a:endParaRPr lang="en-US" sz="600">
              <a:cs typeface="Arial"/>
            </a:endParaRPr>
          </a:p>
        </p:txBody>
      </p:sp>
      <p:sp>
        <p:nvSpPr>
          <p:cNvPr id="217" name="TextBox 216">
            <a:extLst>
              <a:ext uri="{FF2B5EF4-FFF2-40B4-BE49-F238E27FC236}">
                <a16:creationId xmlns:a16="http://schemas.microsoft.com/office/drawing/2014/main" id="{870F50A0-1175-47E9-92E7-DD46C849A279}"/>
              </a:ext>
            </a:extLst>
          </p:cNvPr>
          <p:cNvSpPr txBox="1"/>
          <p:nvPr/>
        </p:nvSpPr>
        <p:spPr bwMode="auto">
          <a:xfrm>
            <a:off x="8148678" y="1588921"/>
            <a:ext cx="1115972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3 – Personalized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Messages</a:t>
            </a:r>
            <a:endParaRPr lang="en-US" sz="600">
              <a:cs typeface="Arial"/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D5497791-1749-4298-9ECB-ABE31C240E5C}"/>
              </a:ext>
            </a:extLst>
          </p:cNvPr>
          <p:cNvSpPr txBox="1"/>
          <p:nvPr/>
        </p:nvSpPr>
        <p:spPr bwMode="auto">
          <a:xfrm>
            <a:off x="6897562" y="1744905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 – Utilization Recommendation</a:t>
            </a:r>
            <a:endParaRPr lang="en-US" sz="600">
              <a:cs typeface="Arial"/>
            </a:endParaRP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6ECDE740-6837-4482-A75D-75D5CCCE1BE7}"/>
              </a:ext>
            </a:extLst>
          </p:cNvPr>
          <p:cNvSpPr txBox="1"/>
          <p:nvPr/>
        </p:nvSpPr>
        <p:spPr bwMode="auto">
          <a:xfrm>
            <a:off x="6986866" y="1874896"/>
            <a:ext cx="1036306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5 – Comprehensive Profile</a:t>
            </a:r>
            <a:endParaRPr lang="en-US" sz="600">
              <a:cs typeface="Arial"/>
            </a:endParaRP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EBF61E9E-C86F-4FCA-9664-C3BD1EAFFF2C}"/>
              </a:ext>
            </a:extLst>
          </p:cNvPr>
          <p:cNvSpPr txBox="1"/>
          <p:nvPr/>
        </p:nvSpPr>
        <p:spPr bwMode="auto">
          <a:xfrm>
            <a:off x="8212558" y="1805067"/>
            <a:ext cx="1036306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4 – Customer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Interactions </a:t>
            </a:r>
            <a:endParaRPr lang="en-US" sz="600">
              <a:cs typeface="Arial"/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3FEFAC13-FA4E-4722-8636-B0F4DB14B444}"/>
              </a:ext>
            </a:extLst>
          </p:cNvPr>
          <p:cNvSpPr txBox="1"/>
          <p:nvPr/>
        </p:nvSpPr>
        <p:spPr bwMode="auto">
          <a:xfrm>
            <a:off x="4065881" y="1749141"/>
            <a:ext cx="139059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3 – Consolidated Profile (Partial)</a:t>
            </a:r>
            <a:endParaRPr lang="en-US" sz="600">
              <a:cs typeface="Arial"/>
            </a:endParaRP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36EE1830-4B80-4640-8773-23ACCEC0C97E}"/>
              </a:ext>
            </a:extLst>
          </p:cNvPr>
          <p:cNvSpPr txBox="1"/>
          <p:nvPr/>
        </p:nvSpPr>
        <p:spPr bwMode="auto">
          <a:xfrm>
            <a:off x="6894111" y="1999323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D1BA4C75-1521-4DA8-9152-3A8902EEB53D}"/>
              </a:ext>
            </a:extLst>
          </p:cNvPr>
          <p:cNvSpPr txBox="1"/>
          <p:nvPr/>
        </p:nvSpPr>
        <p:spPr bwMode="auto">
          <a:xfrm>
            <a:off x="5755106" y="16049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F68889B6-1E8B-49C4-8457-3D36B7EC7231}"/>
              </a:ext>
            </a:extLst>
          </p:cNvPr>
          <p:cNvSpPr txBox="1"/>
          <p:nvPr/>
        </p:nvSpPr>
        <p:spPr bwMode="auto">
          <a:xfrm>
            <a:off x="5843381" y="2014446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0 – EE Recommendations</a:t>
            </a:r>
            <a:endParaRPr lang="en-US" sz="600">
              <a:cs typeface="Arial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09087ACF-D453-4EBC-917B-F62E2471B9D5}"/>
              </a:ext>
            </a:extLst>
          </p:cNvPr>
          <p:cNvSpPr txBox="1"/>
          <p:nvPr/>
        </p:nvSpPr>
        <p:spPr bwMode="auto">
          <a:xfrm>
            <a:off x="6896522" y="2125071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2 – Energy Usage Insights</a:t>
            </a:r>
            <a:endParaRPr lang="en-US" sz="600">
              <a:cs typeface="Arial"/>
            </a:endParaRP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09701D7A-AEC3-4A15-9738-081D896783D1}"/>
              </a:ext>
            </a:extLst>
          </p:cNvPr>
          <p:cNvSpPr txBox="1"/>
          <p:nvPr/>
        </p:nvSpPr>
        <p:spPr bwMode="auto">
          <a:xfrm>
            <a:off x="5846418" y="23163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7 – EE Ratings</a:t>
            </a:r>
            <a:endParaRPr lang="en-US" sz="600">
              <a:cs typeface="Arial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19F29F9B-05DD-4654-B270-BA9844B52123}"/>
              </a:ext>
            </a:extLst>
          </p:cNvPr>
          <p:cNvSpPr txBox="1"/>
          <p:nvPr/>
        </p:nvSpPr>
        <p:spPr bwMode="auto">
          <a:xfrm>
            <a:off x="8053236" y="2034417"/>
            <a:ext cx="1360948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5 –Campaign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erformance Metrics</a:t>
            </a:r>
            <a:endParaRPr lang="en-US" sz="600">
              <a:cs typeface="Arial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59218CDC-934C-45B4-81B5-23EADF04DBE4}"/>
              </a:ext>
            </a:extLst>
          </p:cNvPr>
          <p:cNvSpPr txBox="1"/>
          <p:nvPr/>
        </p:nvSpPr>
        <p:spPr bwMode="auto">
          <a:xfrm>
            <a:off x="8258921" y="2294391"/>
            <a:ext cx="96077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600"/>
              <a:t>C16 – Loyalty </a:t>
            </a:r>
          </a:p>
          <a:p>
            <a:pPr algn="ctr">
              <a:spcAft>
                <a:spcPts val="0"/>
              </a:spcAft>
            </a:pPr>
            <a:r>
              <a:rPr lang="en-US" sz="600"/>
              <a:t>Program</a:t>
            </a:r>
            <a:endParaRPr lang="en-US" sz="600">
              <a:cs typeface="Arial"/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F32807F-AF23-4470-B5FD-E1C220319C59}"/>
              </a:ext>
            </a:extLst>
          </p:cNvPr>
          <p:cNvSpPr txBox="1"/>
          <p:nvPr/>
        </p:nvSpPr>
        <p:spPr bwMode="auto">
          <a:xfrm>
            <a:off x="6734467" y="2253585"/>
            <a:ext cx="1569615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8 – Personalized Product Guidance</a:t>
            </a:r>
            <a:endParaRPr lang="en-US" sz="600">
              <a:cs typeface="Arial"/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9DC391FA-582E-462D-B80B-562DD6B38DFB}"/>
              </a:ext>
            </a:extLst>
          </p:cNvPr>
          <p:cNvSpPr txBox="1"/>
          <p:nvPr/>
        </p:nvSpPr>
        <p:spPr bwMode="auto">
          <a:xfrm>
            <a:off x="6826283" y="2393498"/>
            <a:ext cx="139309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9 – Energy Savings and Incentives</a:t>
            </a:r>
            <a:endParaRPr lang="en-US" sz="600">
              <a:cs typeface="Arial"/>
            </a:endParaRP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65093B07-58CD-49EE-AC14-71373A166F11}"/>
              </a:ext>
            </a:extLst>
          </p:cNvPr>
          <p:cNvSpPr txBox="1"/>
          <p:nvPr/>
        </p:nvSpPr>
        <p:spPr bwMode="auto">
          <a:xfrm>
            <a:off x="5837017" y="2463504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0 – Usage History</a:t>
            </a:r>
            <a:endParaRPr lang="en-US" sz="600">
              <a:cs typeface="Arial"/>
            </a:endParaRPr>
          </a:p>
        </p:txBody>
      </p:sp>
      <p:sp>
        <p:nvSpPr>
          <p:cNvPr id="235" name="TextBox 234">
            <a:extLst>
              <a:ext uri="{FF2B5EF4-FFF2-40B4-BE49-F238E27FC236}">
                <a16:creationId xmlns:a16="http://schemas.microsoft.com/office/drawing/2014/main" id="{8FC37195-304C-48AF-BC1C-B1497FFCB94E}"/>
              </a:ext>
            </a:extLst>
          </p:cNvPr>
          <p:cNvSpPr txBox="1"/>
          <p:nvPr/>
        </p:nvSpPr>
        <p:spPr bwMode="auto">
          <a:xfrm>
            <a:off x="7055594" y="2529676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1 – Enrollment Offers</a:t>
            </a:r>
            <a:endParaRPr lang="en-US" sz="600">
              <a:cs typeface="Arial"/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7894B957-F935-4FE5-B515-B030CE51CF27}"/>
              </a:ext>
            </a:extLst>
          </p:cNvPr>
          <p:cNvSpPr txBox="1"/>
          <p:nvPr/>
        </p:nvSpPr>
        <p:spPr bwMode="auto">
          <a:xfrm>
            <a:off x="5747673" y="2600306"/>
            <a:ext cx="127476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2 – Proactive Usage Feedback</a:t>
            </a:r>
            <a:endParaRPr lang="en-US" sz="600">
              <a:cs typeface="Arial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1EA67941-3F59-4EAD-8228-FF39264EB893}"/>
              </a:ext>
            </a:extLst>
          </p:cNvPr>
          <p:cNvSpPr txBox="1"/>
          <p:nvPr/>
        </p:nvSpPr>
        <p:spPr bwMode="auto">
          <a:xfrm>
            <a:off x="7047677" y="2666212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3 – Outage Status</a:t>
            </a:r>
            <a:endParaRPr lang="en-US" sz="600">
              <a:cs typeface="Arial"/>
            </a:endParaRP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BB5198DF-7051-4F6D-A5D0-0E9E52DE6BC1}"/>
              </a:ext>
            </a:extLst>
          </p:cNvPr>
          <p:cNvSpPr txBox="1"/>
          <p:nvPr/>
        </p:nvSpPr>
        <p:spPr bwMode="auto">
          <a:xfrm>
            <a:off x="7061434" y="2802430"/>
            <a:ext cx="927363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25 – Customer Balance</a:t>
            </a:r>
            <a:endParaRPr lang="en-US" sz="600">
              <a:cs typeface="Arial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6E524798-4223-4344-86DC-003903A21CC8}"/>
              </a:ext>
            </a:extLst>
          </p:cNvPr>
          <p:cNvSpPr txBox="1"/>
          <p:nvPr/>
        </p:nvSpPr>
        <p:spPr bwMode="auto">
          <a:xfrm>
            <a:off x="5833928" y="2168992"/>
            <a:ext cx="118691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11 – Energy Self Service</a:t>
            </a:r>
            <a:endParaRPr lang="en-US" sz="600">
              <a:cs typeface="Arial"/>
            </a:endParaRP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EF2B686-B864-4A0C-976A-AC294FF49356}"/>
              </a:ext>
            </a:extLst>
          </p:cNvPr>
          <p:cNvSpPr txBox="1"/>
          <p:nvPr/>
        </p:nvSpPr>
        <p:spPr bwMode="auto">
          <a:xfrm>
            <a:off x="-13830" y="1578606"/>
            <a:ext cx="96279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Informatica Catalog, Governance and Quality Tools available</a:t>
            </a:r>
          </a:p>
        </p:txBody>
      </p:sp>
      <p:sp>
        <p:nvSpPr>
          <p:cNvPr id="103" name="OTLSHAPE_SLM_0aec949068fc4edb9016a17022f2fa0f_Shape">
            <a:extLst>
              <a:ext uri="{FF2B5EF4-FFF2-40B4-BE49-F238E27FC236}">
                <a16:creationId xmlns:a16="http://schemas.microsoft.com/office/drawing/2014/main" id="{9E79760A-8C07-46FB-A2AB-5C7E24D6A6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580325" y="1790018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705A9A38-02C7-4EB3-B963-C23BA41B0057}"/>
              </a:ext>
            </a:extLst>
          </p:cNvPr>
          <p:cNvSpPr txBox="1"/>
          <p:nvPr/>
        </p:nvSpPr>
        <p:spPr bwMode="auto">
          <a:xfrm>
            <a:off x="3322968" y="1924656"/>
            <a:ext cx="643449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solidFill>
                  <a:schemeClr val="accent5">
                    <a:lumMod val="60000"/>
                    <a:lumOff val="40000"/>
                  </a:schemeClr>
                </a:solidFill>
                <a:cs typeface="Arial"/>
              </a:rPr>
              <a:t>Reltio MDM and Matillion Tools available (US)</a:t>
            </a:r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FF2A5745-C6D4-4B2B-9B3A-9DB38520019E}"/>
              </a:ext>
            </a:extLst>
          </p:cNvPr>
          <p:cNvSpPr/>
          <p:nvPr/>
        </p:nvSpPr>
        <p:spPr>
          <a:xfrm>
            <a:off x="6709555" y="885012"/>
            <a:ext cx="448913" cy="133660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48" name="Rectangle 147">
            <a:extLst>
              <a:ext uri="{FF2B5EF4-FFF2-40B4-BE49-F238E27FC236}">
                <a16:creationId xmlns:a16="http://schemas.microsoft.com/office/drawing/2014/main" id="{476CEB08-0387-4F88-9B2E-FC39126903D0}"/>
              </a:ext>
            </a:extLst>
          </p:cNvPr>
          <p:cNvSpPr/>
          <p:nvPr/>
        </p:nvSpPr>
        <p:spPr>
          <a:xfrm>
            <a:off x="8548036" y="878594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E70F2F78-3454-4FE1-A714-EA6B0ED3049D}"/>
              </a:ext>
            </a:extLst>
          </p:cNvPr>
          <p:cNvSpPr/>
          <p:nvPr/>
        </p:nvSpPr>
        <p:spPr>
          <a:xfrm>
            <a:off x="8080430" y="878594"/>
            <a:ext cx="433182" cy="135713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50" name="TextBox 149">
            <a:extLst>
              <a:ext uri="{FF2B5EF4-FFF2-40B4-BE49-F238E27FC236}">
                <a16:creationId xmlns:a16="http://schemas.microsoft.com/office/drawing/2014/main" id="{82BAFE86-AB26-4FAC-B51F-FFD6F06D7B38}"/>
              </a:ext>
            </a:extLst>
          </p:cNvPr>
          <p:cNvSpPr txBox="1"/>
          <p:nvPr/>
        </p:nvSpPr>
        <p:spPr bwMode="auto">
          <a:xfrm flipH="1">
            <a:off x="766971" y="666973"/>
            <a:ext cx="2761743" cy="170857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/>
              <a:t>2021</a:t>
            </a:r>
          </a:p>
        </p:txBody>
      </p:sp>
      <p:sp>
        <p:nvSpPr>
          <p:cNvPr id="156" name="Rectangle 155">
            <a:extLst>
              <a:ext uri="{FF2B5EF4-FFF2-40B4-BE49-F238E27FC236}">
                <a16:creationId xmlns:a16="http://schemas.microsoft.com/office/drawing/2014/main" id="{AE5D27B1-E838-4CFE-876F-C19082532F5C}"/>
              </a:ext>
            </a:extLst>
          </p:cNvPr>
          <p:cNvSpPr/>
          <p:nvPr/>
        </p:nvSpPr>
        <p:spPr>
          <a:xfrm>
            <a:off x="7625929" y="878594"/>
            <a:ext cx="433182" cy="140078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57" name="Rectangle 156">
            <a:extLst>
              <a:ext uri="{FF2B5EF4-FFF2-40B4-BE49-F238E27FC236}">
                <a16:creationId xmlns:a16="http://schemas.microsoft.com/office/drawing/2014/main" id="{E3073480-6B8C-468E-97F1-431E77298CDA}"/>
              </a:ext>
            </a:extLst>
          </p:cNvPr>
          <p:cNvSpPr/>
          <p:nvPr/>
        </p:nvSpPr>
        <p:spPr>
          <a:xfrm>
            <a:off x="2147402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Oct</a:t>
            </a:r>
          </a:p>
        </p:txBody>
      </p:sp>
      <p:sp>
        <p:nvSpPr>
          <p:cNvPr id="158" name="Rectangle 157">
            <a:extLst>
              <a:ext uri="{FF2B5EF4-FFF2-40B4-BE49-F238E27FC236}">
                <a16:creationId xmlns:a16="http://schemas.microsoft.com/office/drawing/2014/main" id="{9E85B235-9DB1-4EA7-9957-E869584B2F36}"/>
              </a:ext>
            </a:extLst>
          </p:cNvPr>
          <p:cNvSpPr/>
          <p:nvPr/>
        </p:nvSpPr>
        <p:spPr>
          <a:xfrm>
            <a:off x="1217743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ug</a:t>
            </a:r>
          </a:p>
        </p:txBody>
      </p:sp>
      <p:sp>
        <p:nvSpPr>
          <p:cNvPr id="159" name="Rectangle 158">
            <a:extLst>
              <a:ext uri="{FF2B5EF4-FFF2-40B4-BE49-F238E27FC236}">
                <a16:creationId xmlns:a16="http://schemas.microsoft.com/office/drawing/2014/main" id="{4523BF22-96A2-4FAF-9C5B-7E6F874EE6DF}"/>
              </a:ext>
            </a:extLst>
          </p:cNvPr>
          <p:cNvSpPr/>
          <p:nvPr/>
        </p:nvSpPr>
        <p:spPr>
          <a:xfrm>
            <a:off x="1685483" y="87972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sp>
        <p:nvSpPr>
          <p:cNvPr id="160" name="Rectangle 159">
            <a:extLst>
              <a:ext uri="{FF2B5EF4-FFF2-40B4-BE49-F238E27FC236}">
                <a16:creationId xmlns:a16="http://schemas.microsoft.com/office/drawing/2014/main" id="{5F66ABB6-F9BB-4882-9EE1-E1F71E35B127}"/>
              </a:ext>
            </a:extLst>
          </p:cNvPr>
          <p:cNvSpPr/>
          <p:nvPr/>
        </p:nvSpPr>
        <p:spPr>
          <a:xfrm>
            <a:off x="754731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61" name="Rectangle 160">
            <a:extLst>
              <a:ext uri="{FF2B5EF4-FFF2-40B4-BE49-F238E27FC236}">
                <a16:creationId xmlns:a16="http://schemas.microsoft.com/office/drawing/2014/main" id="{E243844C-52E3-4B64-B2BD-C18136B307BE}"/>
              </a:ext>
            </a:extLst>
          </p:cNvPr>
          <p:cNvSpPr/>
          <p:nvPr/>
        </p:nvSpPr>
        <p:spPr>
          <a:xfrm>
            <a:off x="3080487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Dec</a:t>
            </a:r>
          </a:p>
        </p:txBody>
      </p:sp>
      <p:sp>
        <p:nvSpPr>
          <p:cNvPr id="170" name="Rectangle 169">
            <a:extLst>
              <a:ext uri="{FF2B5EF4-FFF2-40B4-BE49-F238E27FC236}">
                <a16:creationId xmlns:a16="http://schemas.microsoft.com/office/drawing/2014/main" id="{A4CAE6B9-5FC6-4BE3-9A46-E74899E8277C}"/>
              </a:ext>
            </a:extLst>
          </p:cNvPr>
          <p:cNvSpPr/>
          <p:nvPr/>
        </p:nvSpPr>
        <p:spPr>
          <a:xfrm>
            <a:off x="2616944" y="878445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Nov</a:t>
            </a:r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02A64BBE-FD1D-45EC-9CAA-26F7043CB0EA}"/>
              </a:ext>
            </a:extLst>
          </p:cNvPr>
          <p:cNvSpPr/>
          <p:nvPr/>
        </p:nvSpPr>
        <p:spPr>
          <a:xfrm>
            <a:off x="3545810" y="882334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an</a:t>
            </a:r>
          </a:p>
        </p:txBody>
      </p:sp>
      <p:sp>
        <p:nvSpPr>
          <p:cNvPr id="173" name="Rectangle 172">
            <a:extLst>
              <a:ext uri="{FF2B5EF4-FFF2-40B4-BE49-F238E27FC236}">
                <a16:creationId xmlns:a16="http://schemas.microsoft.com/office/drawing/2014/main" id="{F12A4642-8226-4683-8413-140B878E4D38}"/>
              </a:ext>
            </a:extLst>
          </p:cNvPr>
          <p:cNvSpPr/>
          <p:nvPr/>
        </p:nvSpPr>
        <p:spPr>
          <a:xfrm>
            <a:off x="3957602" y="882332"/>
            <a:ext cx="393802" cy="128816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Feb </a:t>
            </a: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6E3A2BB3-0A62-406A-AE7C-935E4CA8D29F}"/>
              </a:ext>
            </a:extLst>
          </p:cNvPr>
          <p:cNvSpPr txBox="1"/>
          <p:nvPr/>
        </p:nvSpPr>
        <p:spPr bwMode="auto">
          <a:xfrm flipH="1">
            <a:off x="3554011" y="664055"/>
            <a:ext cx="5422510" cy="17666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>
              <a:defRPr sz="900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  <a:cs typeface="+mn-cs"/>
              </a:defRPr>
            </a:lvl2pPr>
            <a:lvl3pPr>
              <a:defRPr>
                <a:solidFill>
                  <a:schemeClr val="lt1"/>
                </a:solidFill>
                <a:cs typeface="+mn-cs"/>
              </a:defRPr>
            </a:lvl3pPr>
            <a:lvl4pPr>
              <a:defRPr>
                <a:solidFill>
                  <a:schemeClr val="lt1"/>
                </a:solidFill>
                <a:cs typeface="+mn-cs"/>
              </a:defRPr>
            </a:lvl4pPr>
            <a:lvl5pPr>
              <a:defRPr>
                <a:solidFill>
                  <a:schemeClr val="lt1"/>
                </a:solidFill>
                <a:cs typeface="+mn-cs"/>
              </a:defRPr>
            </a:lvl5pPr>
            <a:lvl6pPr>
              <a:defRPr>
                <a:solidFill>
                  <a:schemeClr val="lt1"/>
                </a:solidFill>
                <a:cs typeface="+mn-cs"/>
              </a:defRPr>
            </a:lvl6pPr>
            <a:lvl7pPr>
              <a:defRPr>
                <a:solidFill>
                  <a:schemeClr val="lt1"/>
                </a:solidFill>
                <a:cs typeface="+mn-cs"/>
              </a:defRPr>
            </a:lvl7pPr>
            <a:lvl8pPr>
              <a:defRPr>
                <a:solidFill>
                  <a:schemeClr val="lt1"/>
                </a:solidFill>
                <a:cs typeface="+mn-cs"/>
              </a:defRPr>
            </a:lvl8pPr>
            <a:lvl9pPr>
              <a:defRPr>
                <a:solidFill>
                  <a:schemeClr val="lt1"/>
                </a:solidFill>
                <a:cs typeface="+mn-cs"/>
              </a:defRPr>
            </a:lvl9pPr>
          </a:lstStyle>
          <a:p>
            <a:pPr algn="ctr"/>
            <a:r>
              <a:rPr lang="en-US" sz="1200"/>
              <a:t>2022</a:t>
            </a:r>
          </a:p>
        </p:txBody>
      </p:sp>
      <p:sp>
        <p:nvSpPr>
          <p:cNvPr id="178" name="Rectangle 177">
            <a:extLst>
              <a:ext uri="{FF2B5EF4-FFF2-40B4-BE49-F238E27FC236}">
                <a16:creationId xmlns:a16="http://schemas.microsoft.com/office/drawing/2014/main" id="{6A5FD819-A035-4534-872B-C992BEC6DD2B}"/>
              </a:ext>
            </a:extLst>
          </p:cNvPr>
          <p:cNvSpPr/>
          <p:nvPr/>
        </p:nvSpPr>
        <p:spPr>
          <a:xfrm>
            <a:off x="5295010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lIns="36000" rIns="36000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y</a:t>
            </a:r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C49C5BDE-33F1-4806-B786-A9E8C76B5B09}"/>
              </a:ext>
            </a:extLst>
          </p:cNvPr>
          <p:cNvSpPr/>
          <p:nvPr/>
        </p:nvSpPr>
        <p:spPr>
          <a:xfrm>
            <a:off x="575827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n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21D04998-EC63-46D6-84CB-CD2F816DE21F}"/>
              </a:ext>
            </a:extLst>
          </p:cNvPr>
          <p:cNvSpPr/>
          <p:nvPr/>
        </p:nvSpPr>
        <p:spPr>
          <a:xfrm>
            <a:off x="6229417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Jul</a:t>
            </a:r>
          </a:p>
        </p:txBody>
      </p:sp>
      <p:sp>
        <p:nvSpPr>
          <p:cNvPr id="183" name="Rectangle 182">
            <a:extLst>
              <a:ext uri="{FF2B5EF4-FFF2-40B4-BE49-F238E27FC236}">
                <a16:creationId xmlns:a16="http://schemas.microsoft.com/office/drawing/2014/main" id="{005EE5F5-4C11-46A8-BFCF-351C4F981B4D}"/>
              </a:ext>
            </a:extLst>
          </p:cNvPr>
          <p:cNvSpPr/>
          <p:nvPr/>
        </p:nvSpPr>
        <p:spPr>
          <a:xfrm>
            <a:off x="436535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Mar</a:t>
            </a:r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id="{C3AED6AD-8E91-4087-A535-FC56DBC71685}"/>
              </a:ext>
            </a:extLst>
          </p:cNvPr>
          <p:cNvSpPr/>
          <p:nvPr/>
        </p:nvSpPr>
        <p:spPr>
          <a:xfrm>
            <a:off x="4833091" y="881143"/>
            <a:ext cx="448228" cy="132169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April</a:t>
            </a:r>
          </a:p>
        </p:txBody>
      </p:sp>
      <p:sp>
        <p:nvSpPr>
          <p:cNvPr id="185" name="Rectangle 184">
            <a:extLst>
              <a:ext uri="{FF2B5EF4-FFF2-40B4-BE49-F238E27FC236}">
                <a16:creationId xmlns:a16="http://schemas.microsoft.com/office/drawing/2014/main" id="{4E6AB6C7-6F8A-4EC6-9FE9-FCDCEFA423F3}"/>
              </a:ext>
            </a:extLst>
          </p:cNvPr>
          <p:cNvSpPr/>
          <p:nvPr/>
        </p:nvSpPr>
        <p:spPr>
          <a:xfrm>
            <a:off x="7190919" y="873203"/>
            <a:ext cx="408103" cy="146493"/>
          </a:xfrm>
          <a:prstGeom prst="rect">
            <a:avLst/>
          </a:prstGeom>
          <a:solidFill>
            <a:schemeClr val="accent1"/>
          </a:solidFill>
        </p:spPr>
        <p:txBody>
          <a:bodyPr wrap="square" rtlCol="0" anchor="ctr">
            <a:noAutofit/>
          </a:bodyPr>
          <a:lstStyle/>
          <a:p>
            <a:pPr algn="ctr" defTabSz="685732">
              <a:buClr>
                <a:srgbClr val="55555A"/>
              </a:buClr>
            </a:pPr>
            <a:r>
              <a:rPr lang="en-US" sz="900">
                <a:solidFill>
                  <a:srgbClr val="FFFFFF"/>
                </a:solidFill>
                <a:latin typeface="Arial"/>
                <a:ea typeface="ＭＳ Ｐゴシック"/>
              </a:rPr>
              <a:t>Sep</a:t>
            </a:r>
          </a:p>
        </p:txBody>
      </p: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B4BE70CB-2C21-40BC-91A5-8310EF5FD827}"/>
              </a:ext>
            </a:extLst>
          </p:cNvPr>
          <p:cNvCxnSpPr>
            <a:cxnSpLocks/>
          </p:cNvCxnSpPr>
          <p:nvPr/>
        </p:nvCxnSpPr>
        <p:spPr bwMode="auto">
          <a:xfrm>
            <a:off x="5557018" y="1020420"/>
            <a:ext cx="29068" cy="309629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9" name="OTLSHAPE_SLM_0aec949068fc4edb9016a17022f2fa0f_Title">
            <a:extLst>
              <a:ext uri="{FF2B5EF4-FFF2-40B4-BE49-F238E27FC236}">
                <a16:creationId xmlns:a16="http://schemas.microsoft.com/office/drawing/2014/main" id="{487EE022-0F52-4CC0-B6A3-43F01A51F4B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245937" y="1018500"/>
            <a:ext cx="65315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US" sz="800" spc="-2">
                <a:solidFill>
                  <a:schemeClr val="dk1"/>
                </a:solidFill>
              </a:rPr>
              <a:t>MVP R2</a:t>
            </a:r>
          </a:p>
          <a:p>
            <a:pPr algn="ctr">
              <a:spcAft>
                <a:spcPts val="0"/>
              </a:spcAft>
            </a:pPr>
            <a:endParaRPr lang="en-US" sz="800" spc="-2">
              <a:solidFill>
                <a:schemeClr val="dk1"/>
              </a:solidFill>
            </a:endParaRPr>
          </a:p>
        </p:txBody>
      </p:sp>
      <p:pic>
        <p:nvPicPr>
          <p:cNvPr id="101" name="Picture 100">
            <a:extLst>
              <a:ext uri="{FF2B5EF4-FFF2-40B4-BE49-F238E27FC236}">
                <a16:creationId xmlns:a16="http://schemas.microsoft.com/office/drawing/2014/main" id="{8EAC7732-2E36-4415-96AF-2B62E8ED1D01}"/>
              </a:ext>
            </a:extLst>
          </p:cNvPr>
          <p:cNvPicPr>
            <a:picLocks noChangeAspect="1"/>
          </p:cNvPicPr>
          <p:nvPr/>
        </p:nvPicPr>
        <p:blipFill>
          <a:blip r:embed="rId42"/>
          <a:stretch>
            <a:fillRect/>
          </a:stretch>
        </p:blipFill>
        <p:spPr>
          <a:xfrm>
            <a:off x="5488316" y="1447969"/>
            <a:ext cx="142179" cy="139685"/>
          </a:xfrm>
          <a:prstGeom prst="rect">
            <a:avLst/>
          </a:prstGeom>
        </p:spPr>
      </p:pic>
      <p:sp>
        <p:nvSpPr>
          <p:cNvPr id="102" name="OTLSHAPE_SLM_0aec949068fc4edb9016a17022f2fa0f_Shape">
            <a:extLst>
              <a:ext uri="{FF2B5EF4-FFF2-40B4-BE49-F238E27FC236}">
                <a16:creationId xmlns:a16="http://schemas.microsoft.com/office/drawing/2014/main" id="{B8FE48B0-4B8B-40F5-9F48-B2B3049A4E0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506115" y="1374032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0" name="OTLSHAPE_SLM_0aec949068fc4edb9016a17022f2fa0f_Shape">
            <a:extLst>
              <a:ext uri="{FF2B5EF4-FFF2-40B4-BE49-F238E27FC236}">
                <a16:creationId xmlns:a16="http://schemas.microsoft.com/office/drawing/2014/main" id="{0063F1A9-B58C-4623-8D5C-E355EC5401A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522826" y="3794545"/>
            <a:ext cx="114300" cy="13335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AE3E4B76-8D4F-40FD-8C8C-3DC0968073CC}"/>
              </a:ext>
            </a:extLst>
          </p:cNvPr>
          <p:cNvSpPr txBox="1"/>
          <p:nvPr/>
        </p:nvSpPr>
        <p:spPr bwMode="auto">
          <a:xfrm>
            <a:off x="5907506" y="1757342"/>
            <a:ext cx="1217788" cy="92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/>
              <a:t>C8 – Customer Programs</a:t>
            </a:r>
            <a:endParaRPr lang="en-US" sz="600">
              <a:cs typeface="Arial"/>
            </a:endParaRP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45440B36-A2CC-4594-B30C-62770E50AD8C}"/>
              </a:ext>
            </a:extLst>
          </p:cNvPr>
          <p:cNvSpPr txBox="1"/>
          <p:nvPr/>
        </p:nvSpPr>
        <p:spPr bwMode="auto">
          <a:xfrm>
            <a:off x="5268887" y="1943013"/>
            <a:ext cx="578396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cs typeface="Arial"/>
              </a:rPr>
              <a:t>First Call Resolution</a:t>
            </a:r>
          </a:p>
        </p:txBody>
      </p:sp>
      <p:sp>
        <p:nvSpPr>
          <p:cNvPr id="113" name="OTLSHAPE_SLM_0aec949068fc4edb9016a17022f2fa0f_Title">
            <a:extLst>
              <a:ext uri="{FF2B5EF4-FFF2-40B4-BE49-F238E27FC236}">
                <a16:creationId xmlns:a16="http://schemas.microsoft.com/office/drawing/2014/main" id="{BA194240-DA2B-4724-8DEA-966F063C10D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274333" y="3942278"/>
            <a:ext cx="64598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GB"/>
            </a:defPPr>
            <a:lvl1pPr algn="ctr">
              <a:spcAft>
                <a:spcPts val="0"/>
              </a:spcAft>
              <a:defRPr sz="600" spc="-2">
                <a:solidFill>
                  <a:schemeClr val="accent2">
                    <a:lumMod val="75000"/>
                  </a:schemeClr>
                </a:solidFill>
                <a:cs typeface="Calibri" panose="020F0502020204030204" pitchFamily="34" charset="0"/>
              </a:defRPr>
            </a:lvl1pPr>
          </a:lstStyle>
          <a:p>
            <a:r>
              <a:rPr lang="en-US"/>
              <a:t>Agent, Workforce, Call Detail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6A90DCAC-7D78-4D65-90FA-CA553F962158}"/>
              </a:ext>
            </a:extLst>
          </p:cNvPr>
          <p:cNvSpPr txBox="1"/>
          <p:nvPr/>
        </p:nvSpPr>
        <p:spPr bwMode="auto">
          <a:xfrm>
            <a:off x="6041581" y="2908064"/>
            <a:ext cx="807209" cy="184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600">
                <a:cs typeface="Arial"/>
              </a:rPr>
              <a:t>Near real time Replicate</a:t>
            </a:r>
          </a:p>
        </p:txBody>
      </p:sp>
    </p:spTree>
    <p:extLst>
      <p:ext uri="{BB962C8B-B14F-4D97-AF65-F5344CB8AC3E}">
        <p14:creationId xmlns:p14="http://schemas.microsoft.com/office/powerpoint/2010/main" val="32999596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06505-0DE3-4026-B55A-3FA303F48A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102" y="106864"/>
            <a:ext cx="9028524" cy="376946"/>
          </a:xfrm>
        </p:spPr>
        <p:txBody>
          <a:bodyPr/>
          <a:lstStyle/>
          <a:p>
            <a:r>
              <a:rPr lang="en-GB" sz="1800"/>
              <a:t>US Customer Data Platform Architecture</a:t>
            </a:r>
            <a:endParaRPr lang="en-GB" sz="1800" b="0"/>
          </a:p>
        </p:txBody>
      </p:sp>
      <p:pic>
        <p:nvPicPr>
          <p:cNvPr id="4" name="Picture 4" descr="Graphical user interface, diagram&#10;&#10;Description automatically generated">
            <a:extLst>
              <a:ext uri="{FF2B5EF4-FFF2-40B4-BE49-F238E27FC236}">
                <a16:creationId xmlns:a16="http://schemas.microsoft.com/office/drawing/2014/main" id="{4B00D735-7124-4705-A1FB-46A968ABDD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16025" y="377635"/>
            <a:ext cx="6553200" cy="4777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1386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G_PPT_16x9_Generic_template-blue">
  <a:themeElements>
    <a:clrScheme name="Custom 8">
      <a:dk1>
        <a:srgbClr val="55555A"/>
      </a:dk1>
      <a:lt1>
        <a:srgbClr val="FFFFFF"/>
      </a:lt1>
      <a:dk2>
        <a:srgbClr val="808083"/>
      </a:dk2>
      <a:lt2>
        <a:srgbClr val="AAAAAC"/>
      </a:lt2>
      <a:accent1>
        <a:srgbClr val="00148C"/>
      </a:accent1>
      <a:accent2>
        <a:srgbClr val="00BEB4"/>
      </a:accent2>
      <a:accent3>
        <a:srgbClr val="FA4616"/>
      </a:accent3>
      <a:accent4>
        <a:srgbClr val="500A78"/>
      </a:accent4>
      <a:accent5>
        <a:srgbClr val="C800A1"/>
      </a:accent5>
      <a:accent6>
        <a:srgbClr val="FFB45A"/>
      </a:accent6>
      <a:hlink>
        <a:srgbClr val="96D7EB"/>
      </a:hlink>
      <a:folHlink>
        <a:srgbClr val="96D7EB"/>
      </a:folHlink>
    </a:clrScheme>
    <a:fontScheme name="NG Photo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34" tIns="45718" rIns="91434" bIns="45718" numCol="1" rtlCol="0" anchor="t" anchorCtr="0" compatLnSpc="1">
        <a:prstTxWarp prst="textNoShape">
          <a:avLst/>
        </a:prstTxWarp>
      </a:bodyPr>
      <a:lstStyle>
        <a:defPPr algn="l">
          <a:spcAft>
            <a:spcPts val="450"/>
          </a:spcAft>
          <a:defRPr sz="1800" dirty="0" err="1">
            <a:solidFill>
              <a:schemeClr val="bg1"/>
            </a:solidFill>
            <a:latin typeface="+mn-lt"/>
            <a:cs typeface="Arial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800" b="1" i="0" u="none" strike="noStrike" cap="none" normalizeH="0" baseline="0" smtClean="0">
            <a:ln>
              <a:noFill/>
            </a:ln>
            <a:solidFill>
              <a:srgbClr val="0079C1"/>
            </a:solidFill>
            <a:effectLst/>
            <a:latin typeface="Arial" charset="0"/>
            <a:ea typeface="ＭＳ Ｐゴシック" pitchFamily="48" charset="-128"/>
          </a:defRPr>
        </a:defPPr>
      </a:lstStyle>
    </a:lnDef>
    <a:txDef>
      <a:spPr bwMode="auto">
        <a:noFill/>
        <a:ln>
          <a:noFill/>
        </a:ln>
        <a:extLst>
          <a:ext uri="{909E8E84-426E-40DD-AFC4-6F175D3DCCD1}">
            <a14:hiddenFill xmlns:a14="http://schemas.microsoft.com/office/drawing/2010/main">
              <a:solidFill>
                <a:srgbClr val="FFFFFF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rgbClr val="000000"/>
              </a:solidFill>
              <a:miter lim="800000"/>
              <a:headEnd/>
              <a:tailEnd/>
            </a14:hiddenLine>
          </a:ext>
        </a:extLst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algn="l">
          <a:spcAft>
            <a:spcPts val="600"/>
          </a:spcAft>
          <a:buClr>
            <a:schemeClr val="tx1"/>
          </a:buClr>
          <a:defRPr sz="1800" b="0" kern="0" dirty="0" err="1" smtClean="0">
            <a:solidFill>
              <a:schemeClr val="tx1"/>
            </a:solidFill>
            <a:latin typeface="+mn-lt"/>
            <a:ea typeface="+mn-ea"/>
          </a:defRPr>
        </a:defPPr>
      </a:lstStyle>
    </a:txDef>
  </a:objectDefaults>
  <a:extraClrSchemeLst>
    <a:extraClrScheme>
      <a:clrScheme name="NG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AED9"/>
        </a:accent1>
        <a:accent2>
          <a:srgbClr val="52DA3F"/>
        </a:accent2>
        <a:accent3>
          <a:srgbClr val="FFFFFF"/>
        </a:accent3>
        <a:accent4>
          <a:srgbClr val="000000"/>
        </a:accent4>
        <a:accent5>
          <a:srgbClr val="AAD3E9"/>
        </a:accent5>
        <a:accent6>
          <a:srgbClr val="49C538"/>
        </a:accent6>
        <a:hlink>
          <a:srgbClr val="FF7800"/>
        </a:hlink>
        <a:folHlink>
          <a:srgbClr val="00B09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  <a:extLst>
    <a:ext uri="{05A4C25C-085E-4340-85A3-A5531E510DB2}">
      <thm15:themeFamily xmlns:thm15="http://schemas.microsoft.com/office/thememl/2012/main" name="Presentation4" id="{85AC2519-D6CF-4F26-9BCF-3D10C0290733}" vid="{CBAF9061-B6A7-4BBD-9B08-E2B4F8A48F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Core Blue">
      <a:srgbClr val="00148C"/>
    </a:custClr>
    <a:custClr name="Light Blue">
      <a:srgbClr val="00AFF0"/>
    </a:custClr>
    <a:custClr name="Green">
      <a:srgbClr val="3CE12D"/>
    </a:custClr>
    <a:custClr name="Red">
      <a:srgbClr val="F53C32"/>
    </a:custClr>
    <a:custClr name="Yellow">
      <a:srgbClr val="FADC00"/>
    </a:custClr>
    <a:custClr name="Dark grey">
      <a:srgbClr val="55555A"/>
    </a:custClr>
    <a:custClr name="Blue">
      <a:srgbClr val="009DDC"/>
    </a:custClr>
    <a:custClr name="Teal">
      <a:srgbClr val="00BEB4"/>
    </a:custClr>
    <a:custClr name="Purple">
      <a:srgbClr val="500A78"/>
    </a:custClr>
    <a:custClr name="Magenta">
      <a:srgbClr val="C800A1"/>
    </a:custClr>
    <a:custClr name="Lilac">
      <a:srgbClr val="AF96DC"/>
    </a:custClr>
    <a:custClr name="Orange">
      <a:srgbClr val="FA4616"/>
    </a:custClr>
    <a:custClr name="Mid Blue">
      <a:srgbClr val="0073CD"/>
    </a:custClr>
    <a:custClr name="Soft orange">
      <a:srgbClr val="FFB45A"/>
    </a:custClr>
    <a:custClr name="Mid green">
      <a:srgbClr val="78A22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479654A67AABA4A8A8902882B64A988" ma:contentTypeVersion="12" ma:contentTypeDescription="Create a new document." ma:contentTypeScope="" ma:versionID="54cf777a7aed95bbfbcf5dc663574da8">
  <xsd:schema xmlns:xsd="http://www.w3.org/2001/XMLSchema" xmlns:xs="http://www.w3.org/2001/XMLSchema" xmlns:p="http://schemas.microsoft.com/office/2006/metadata/properties" xmlns:ns2="f321bbf6-7ced-46a3-aeec-52f7b6ea267c" xmlns:ns3="e0128129-5c01-499f-9dab-6ff736f5e5bc" targetNamespace="http://schemas.microsoft.com/office/2006/metadata/properties" ma:root="true" ma:fieldsID="1564b0fa269a897b3b872641774d7be0" ns2:_="" ns3:_="">
    <xsd:import namespace="f321bbf6-7ced-46a3-aeec-52f7b6ea267c"/>
    <xsd:import namespace="e0128129-5c01-499f-9dab-6ff736f5e5b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321bbf6-7ced-46a3-aeec-52f7b6ea267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0128129-5c01-499f-9dab-6ff736f5e5bc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0128129-5c01-499f-9dab-6ff736f5e5bc">
      <UserInfo>
        <DisplayName>Crookes, Raymond</DisplayName>
        <AccountId>162</AccountId>
        <AccountType/>
      </UserInfo>
      <UserInfo>
        <DisplayName>Tripathi, Bharat</DisplayName>
        <AccountId>168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0235C373-C030-40C2-8C89-A785AC5443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321bbf6-7ced-46a3-aeec-52f7b6ea267c"/>
    <ds:schemaRef ds:uri="e0128129-5c01-499f-9dab-6ff736f5e5b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8EE5461-4101-49A9-A707-0A90845F1E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D2C987D-4A47-4F11-8121-36694FAAAC40}">
  <ds:schemaRefs>
    <ds:schemaRef ds:uri="http://schemas.microsoft.com/office/2006/metadata/properties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http://purl.org/dc/elements/1.1/"/>
    <ds:schemaRef ds:uri="http://schemas.microsoft.com/office/infopath/2007/PartnerControls"/>
    <ds:schemaRef ds:uri="e0128129-5c01-499f-9dab-6ff736f5e5bc"/>
    <ds:schemaRef ds:uri="f321bbf6-7ced-46a3-aeec-52f7b6ea267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G PowerPoint Template 16x9 2018</Template>
  <TotalTime>78</TotalTime>
  <Words>1447</Words>
  <Application>Microsoft Office PowerPoint</Application>
  <PresentationFormat>On-screen Show (16:9)</PresentationFormat>
  <Paragraphs>222</Paragraphs>
  <Slides>6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0" baseType="lpstr">
      <vt:lpstr>Arial</vt:lpstr>
      <vt:lpstr>Calibri</vt:lpstr>
      <vt:lpstr>Graphik</vt:lpstr>
      <vt:lpstr>NG_PPT_16x9_Generic_template-blue</vt:lpstr>
      <vt:lpstr>US Customer Golden Record</vt:lpstr>
      <vt:lpstr>PowerPoint Presentation</vt:lpstr>
      <vt:lpstr>US Customer Golden Master Record  (MVP1)</vt:lpstr>
      <vt:lpstr>US Customer Capabilities by Programs</vt:lpstr>
      <vt:lpstr>US Customer Business Capabilities Proposed Roadmap (Draft)</vt:lpstr>
      <vt:lpstr>US Customer Data Platform Architecture</vt:lpstr>
    </vt:vector>
  </TitlesOfParts>
  <Company>National Gri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Title (on two lines)</dc:title>
  <dc:creator>Thomson, Fraser</dc:creator>
  <cp:lastModifiedBy>Ajwaliya, Nishit</cp:lastModifiedBy>
  <cp:revision>26</cp:revision>
  <cp:lastPrinted>2018-08-10T07:16:05Z</cp:lastPrinted>
  <dcterms:created xsi:type="dcterms:W3CDTF">2018-09-19T13:44:21Z</dcterms:created>
  <dcterms:modified xsi:type="dcterms:W3CDTF">2022-10-20T20:51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NewReviewCycle">
    <vt:lpwstr/>
  </property>
  <property fmtid="{D5CDD505-2E9C-101B-9397-08002B2CF9AE}" pid="3" name="ContentTypeId">
    <vt:lpwstr>0x0101007479654A67AABA4A8A8902882B64A988</vt:lpwstr>
  </property>
</Properties>
</file>